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drawings/drawing3.xml" ContentType="application/vnd.openxmlformats-officedocument.drawing+xml"/>
  <Override PartName="/xl/drawings/drawing4.xml" ContentType="application/vnd.openxmlformats-officedocument.drawing+xml"/>
  <Override PartName="/xl/drawings/drawing5.xml" ContentType="application/vnd.openxmlformats-officedocument.drawing+xml"/>
  <Override PartName="/xl/drawings/drawing6.xml" ContentType="application/vnd.openxmlformats-officedocument.drawing+xml"/>
  <Override PartName="/xl/drawings/drawing7.xml" ContentType="application/vnd.openxmlformats-officedocument.drawing+xml"/>
  <Override PartName="/xl/comments1.xml" ContentType="application/vnd.openxmlformats-officedocument.spreadsheetml.comments+xml"/>
  <Override PartName="/xl/threadedComments/threadedComment1.xml" ContentType="application/vnd.ms-excel.threadedcomments+xml"/>
  <Override PartName="/xl/drawings/drawing8.xml" ContentType="application/vnd.openxmlformats-officedocument.drawing+xml"/>
  <Override PartName="/xl/drawings/drawing9.xml" ContentType="application/vnd.openxmlformats-officedocument.drawing+xml"/>
  <Override PartName="/xl/drawings/drawing10.xml" ContentType="application/vnd.openxmlformats-officedocument.drawing+xml"/>
  <Override PartName="/xl/persons/person.xml" ContentType="application/vnd.ms-excel.perso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8925"/>
  <workbookPr/>
  <mc:AlternateContent xmlns:mc="http://schemas.openxmlformats.org/markup-compatibility/2006">
    <mc:Choice Requires="x15">
      <x15ac:absPath xmlns:x15ac="http://schemas.microsoft.com/office/spreadsheetml/2010/11/ac" url="https://priassociation-my.sharepoint.com/personal/daram_pandian_unpri_org/Documents/"/>
    </mc:Choice>
  </mc:AlternateContent>
  <xr:revisionPtr revIDLastSave="0" documentId="8_{A5016A52-917C-47A7-845F-A000862DDFCA}" xr6:coauthVersionLast="47" xr6:coauthVersionMax="47" xr10:uidLastSave="{00000000-0000-0000-0000-000000000000}"/>
  <bookViews>
    <workbookView xWindow="28680" yWindow="-120" windowWidth="29040" windowHeight="17520" xr2:uid="{242392C0-6E3F-40ED-82C8-F5D4C3E2DE3B}"/>
  </bookViews>
  <sheets>
    <sheet name="Scope " sheetId="14" r:id="rId1"/>
    <sheet name="Global" sheetId="2" r:id="rId2"/>
    <sheet name="Africa" sheetId="3" r:id="rId3"/>
    <sheet name="Asia" sheetId="4" r:id="rId4"/>
    <sheet name="Australia &amp; Oceania " sheetId="5" r:id="rId5"/>
    <sheet name="EU" sheetId="15" r:id="rId6"/>
    <sheet name="Europe" sheetId="7" r:id="rId7"/>
    <sheet name="Middle East " sheetId="8" r:id="rId8"/>
    <sheet name="North America " sheetId="9" r:id="rId9"/>
    <sheet name="Latin America " sheetId="10" r:id="rId10"/>
    <sheet name="Back-End" sheetId="12" state="hidden" r:id="rId11"/>
  </sheets>
  <definedNames>
    <definedName name="_xlnm._FilterDatabase" localSheetId="2" hidden="1">Africa!$B$6:$L$7</definedName>
    <definedName name="_xlnm._FilterDatabase" localSheetId="3" hidden="1">Asia!$B$6:$L$38</definedName>
    <definedName name="_xlnm._FilterDatabase" localSheetId="4" hidden="1">'Australia &amp; Oceania '!$B$6:$L$6</definedName>
    <definedName name="_xlnm._FilterDatabase" localSheetId="6" hidden="1">Europe!$B$6:$L$8</definedName>
    <definedName name="_xlnm._FilterDatabase" localSheetId="1" hidden="1">Global!$B$6:$L$6</definedName>
    <definedName name="_xlnm._FilterDatabase" localSheetId="9" hidden="1">'Latin America '!$B$6:$L$6</definedName>
    <definedName name="_xlnm._FilterDatabase" localSheetId="7" hidden="1">'Middle East '!$B$6:$L$6</definedName>
    <definedName name="_xlnm._FilterDatabase" localSheetId="8" hidden="1">'North America '!$B$6:$L$6</definedName>
    <definedName name="_xlnm.Print_Area" localSheetId="2">Africa!$B$1:$L$13</definedName>
    <definedName name="_xlnm.Print_Area" localSheetId="3">Asia!$B$1:$L$16</definedName>
    <definedName name="_xlnm.Print_Area" localSheetId="4">'Australia &amp; Oceania '!$B$1:$L$9</definedName>
    <definedName name="_xlnm.Print_Area" localSheetId="6">Europe!$B$1:$L$8</definedName>
    <definedName name="_xlnm.Print_Area" localSheetId="1">Global!$A$1:$L$14</definedName>
    <definedName name="_xlnm.Print_Area" localSheetId="9">'Latin America '!$B$1:$L$16</definedName>
    <definedName name="_xlnm.Print_Area" localSheetId="7">'Middle East '!$B$1:$L$15</definedName>
    <definedName name="_xlnm.Print_Area" localSheetId="8">'North America '!$B$1:$L$17</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omments1.xml><?xml version="1.0" encoding="utf-8"?>
<comments xmlns="http://schemas.openxmlformats.org/spreadsheetml/2006/main" xmlns:mc="http://schemas.openxmlformats.org/markup-compatibility/2006" xmlns:xr="http://schemas.microsoft.com/office/spreadsheetml/2014/revision" mc:Ignorable="xr">
  <authors>
    <author>tc={C7F22496-7229-3E41-B4A2-7693DB4EDE1B}</author>
  </authors>
  <commentList>
    <comment ref="N23" authorId="0" shapeId="0" xr:uid="{C7F22496-7229-3E41-B4A2-7693DB4EDE1B}">
      <text>
        <t xml:space="preserve">[Threaded comment]
Your version of Excel allows you to read this threaded comment; however, any edits to it will get removed if the file is opened in a newer version of Excel. Learn more: https://go.microsoft.com/fwlink/?linkid=870924
Comment:
    Broken link
</t>
      </text>
    </comment>
  </commentList>
</comments>
</file>

<file path=xl/sharedStrings.xml><?xml version="1.0" encoding="utf-8"?>
<sst xmlns="http://schemas.openxmlformats.org/spreadsheetml/2006/main" count="1301" uniqueCount="564">
  <si>
    <t>UK</t>
  </si>
  <si>
    <t>Status</t>
  </si>
  <si>
    <t>Mandatory</t>
  </si>
  <si>
    <t>Global</t>
  </si>
  <si>
    <t>https://www.oecd-ilibrary.org/finance-and-investment/oecd-guidelines-for-multinational-enterprises-on-responsible-business-conduct_81f92357-en</t>
  </si>
  <si>
    <t>Summary</t>
  </si>
  <si>
    <t>Mandatory / Voluntary</t>
  </si>
  <si>
    <t>Country / Region</t>
  </si>
  <si>
    <t>Title</t>
  </si>
  <si>
    <t>Policy Focus</t>
  </si>
  <si>
    <t>Source</t>
  </si>
  <si>
    <t>In force</t>
  </si>
  <si>
    <t>Policy Subcategory</t>
  </si>
  <si>
    <t>Social</t>
  </si>
  <si>
    <t>Human rights
Labour conditions</t>
  </si>
  <si>
    <t>Reporting</t>
  </si>
  <si>
    <t>Target entities</t>
  </si>
  <si>
    <t>Annual</t>
  </si>
  <si>
    <t>France</t>
  </si>
  <si>
    <t>https://www.legifrance.gouv.fr/jorf/id/JORFTEXT000034290626/</t>
  </si>
  <si>
    <t>Australia</t>
  </si>
  <si>
    <t>Federal Register of Legislation - Modern Slavery Act 2018</t>
  </si>
  <si>
    <t>Environment</t>
  </si>
  <si>
    <t>Target Entities</t>
  </si>
  <si>
    <t>Country/Region</t>
  </si>
  <si>
    <t>While the OECD Guidelines do not mandate a specific timeline, it is generally recommended that multinational enterprises engage in regular, typically annual, reporting of their responsible business conduct. This allows stakeholders to be informed about the company’s ongoing activities and impacts.</t>
  </si>
  <si>
    <t xml:space="preserve">Voluntary </t>
  </si>
  <si>
    <t xml:space="preserve">Algeria </t>
  </si>
  <si>
    <t>Proposed</t>
  </si>
  <si>
    <t xml:space="preserve">Australia </t>
  </si>
  <si>
    <t>N/A</t>
  </si>
  <si>
    <t xml:space="preserve">Mandatory </t>
  </si>
  <si>
    <t>aus158000.pdf</t>
  </si>
  <si>
    <t xml:space="preserve">In force </t>
  </si>
  <si>
    <t>Brazil</t>
  </si>
  <si>
    <t xml:space="preserve">California (USA) </t>
  </si>
  <si>
    <t xml:space="preserve">Human Rights Labour Conditions </t>
  </si>
  <si>
    <t xml:space="preserve">Social </t>
  </si>
  <si>
    <t xml:space="preserve">Annually </t>
  </si>
  <si>
    <t>Senate Bill No. 657 - Chapter 556 - SB 657</t>
  </si>
  <si>
    <t xml:space="preserve">Canada </t>
  </si>
  <si>
    <t>Fighting Against Forced Labour and Child Labour in Supply Chains Act</t>
  </si>
  <si>
    <t xml:space="preserve">Ghana </t>
  </si>
  <si>
    <t xml:space="preserve">The Act applies to all workers and employers in both the public and private sectors in Ghana. </t>
  </si>
  <si>
    <t>ACT 651.pdf</t>
  </si>
  <si>
    <t xml:space="preserve">Proposed </t>
  </si>
  <si>
    <t xml:space="preserve">India </t>
  </si>
  <si>
    <t>SEBI | Securities and Exchange Board of India (Listing Obligations and Disclosure Requirements) Regulations, 2015 [Last amended on July 10, 2024]</t>
  </si>
  <si>
    <t xml:space="preserve">Indonesia </t>
  </si>
  <si>
    <t xml:space="preserve">Monthly </t>
  </si>
  <si>
    <t>20180214-national-action-plan-on-bussiness-$0PU5O0.pdf</t>
  </si>
  <si>
    <t xml:space="preserve">Japan </t>
  </si>
  <si>
    <t>Act on Promoting the Distribution and Use of Legally Harvested Wood and Wood Products - English - Japanese Law Translation</t>
  </si>
  <si>
    <t xml:space="preserve">South Korea </t>
  </si>
  <si>
    <t>kor136715.pdf</t>
  </si>
  <si>
    <t xml:space="preserve">New Zealand </t>
  </si>
  <si>
    <t>Disclosure/Action</t>
  </si>
  <si>
    <t xml:space="preserve">Disclosure/Action </t>
  </si>
  <si>
    <t>Deforestation</t>
  </si>
  <si>
    <t>Adopted</t>
  </si>
  <si>
    <t>No</t>
  </si>
  <si>
    <t xml:space="preserve">Disclosure </t>
  </si>
  <si>
    <t>Forests Act 1949 No 19 (as at 30 June 2024), Public Act Contents – New Zealand Legislation</t>
  </si>
  <si>
    <t xml:space="preserve">Deforestation </t>
  </si>
  <si>
    <t>Human rights</t>
  </si>
  <si>
    <t xml:space="preserve">United Arab Emirates </t>
  </si>
  <si>
    <t>MOE_Due+Diligince+Regulations+V9_EN.pdf</t>
  </si>
  <si>
    <t>Disclosure</t>
  </si>
  <si>
    <t>USA</t>
  </si>
  <si>
    <t xml:space="preserve">Conflict Minerals </t>
  </si>
  <si>
    <t>H.R.4173 - 111th Congress (2009-2010): Dodd-Frank Wall Street Reform and Consumer Protection Act | Congress.gov | Library of Congress</t>
  </si>
  <si>
    <t>Mandatory Submission of Environmental, Social and Sustainability Disclosures for ESG Reports, Decisions No. 107</t>
  </si>
  <si>
    <t xml:space="preserve">No </t>
  </si>
  <si>
    <t>BILLS-118hr4451ih.pdf</t>
  </si>
  <si>
    <t xml:space="preserve">Conflict minerals </t>
  </si>
  <si>
    <t xml:space="preserve">Vietnam </t>
  </si>
  <si>
    <t>Management and Traceability of Forest Products, Circular No. 26/2022/TT-BNNPTNT</t>
  </si>
  <si>
    <t>Version</t>
  </si>
  <si>
    <t>Issue Date</t>
  </si>
  <si>
    <t>Reference to UNGPs or OECD Guidelines?</t>
  </si>
  <si>
    <t xml:space="preserve">Action </t>
  </si>
  <si>
    <t>Germany</t>
  </si>
  <si>
    <t xml:space="preserve">Germany </t>
  </si>
  <si>
    <t xml:space="preserve">Annual </t>
  </si>
  <si>
    <t>Annually</t>
  </si>
  <si>
    <t xml:space="preserve">Human rights </t>
  </si>
  <si>
    <t>https://www.ohchr.org/sites/default/files/Documents/Publications/GuidingPrinciplesBusinessHR_EN.pdf</t>
  </si>
  <si>
    <t>ILO Conventions</t>
  </si>
  <si>
    <t>International Finance Corporation (IFC) Performance Standards</t>
  </si>
  <si>
    <t>Global Reporting Initiative (GRI) Standards</t>
  </si>
  <si>
    <t>United Nations Guiding Principles on Business and Human Rights (UNGPs)</t>
  </si>
  <si>
    <t>https://www.ilo.org/international-labour-standards</t>
  </si>
  <si>
    <t xml:space="preserve">Ireland </t>
  </si>
  <si>
    <t xml:space="preserve">Human rights Labour conditions </t>
  </si>
  <si>
    <t>https://data.oireachtas.ie/ie/oireachtas/bill/2021/45/eng/initiated/86355-labour-exploitation-and-trafficking-audit-of-supply-chains-bill-2021.pdf</t>
  </si>
  <si>
    <t>Mandatory (for entities that receive direct financing or investment from the IFC).</t>
  </si>
  <si>
    <t>https://www.ifc.org/en/insights-reports/2012/ifc-performance-standards</t>
  </si>
  <si>
    <t xml:space="preserve">Netherlands </t>
  </si>
  <si>
    <t xml:space="preserve">Norway </t>
  </si>
  <si>
    <t>Human rights Forced Labour</t>
  </si>
  <si>
    <t>T W E E D E K A M E R D E R S T A T E N - G E N E R A A L 2</t>
  </si>
  <si>
    <t>transparency-act-english-translation.pdf</t>
  </si>
  <si>
    <t xml:space="preserve">Romania </t>
  </si>
  <si>
    <t xml:space="preserve">Russia </t>
  </si>
  <si>
    <t xml:space="preserve">Russian Federation </t>
  </si>
  <si>
    <t xml:space="preserve">Spain </t>
  </si>
  <si>
    <t xml:space="preserve">Sweden </t>
  </si>
  <si>
    <t>Environment Act, 2021</t>
  </si>
  <si>
    <t>Environment Act 2021</t>
  </si>
  <si>
    <t xml:space="preserve">UK </t>
  </si>
  <si>
    <t xml:space="preserve">Switzerland </t>
  </si>
  <si>
    <t>https://www.fedlex.admin.ch/eli/cc/2021/847/en</t>
  </si>
  <si>
    <t>All individuals and legal entities operating within Switzerland are in scope and are required to act in a way that does not pose a threat to the environment.</t>
  </si>
  <si>
    <t>ESG Reporting</t>
  </si>
  <si>
    <t>MENTERI PERDAGANGAN REPUBLIK INDONESIA - 25000717_PERMENDAG_No._84_TAHUN_2016.pdf</t>
  </si>
  <si>
    <t>Regulation of the Minister of Environment and Forestry no. P.66/Menlhk/Setjen/Kum.1/10/2019 concerning Administration of Timber Forest Products Derived from Natural Forests. | FAOLEX</t>
  </si>
  <si>
    <t>Action</t>
  </si>
  <si>
    <t>https://www.globalreporting.org/standards/</t>
  </si>
  <si>
    <t>Council Regulation (EC) No 2368/2002 of 20 December 2002 implementing the Kimberley Process certification scheme for the international trade in rough diamonds (c. 2368)</t>
  </si>
  <si>
    <t>Applies to large companies and groups located in France that employ either: 
(i) more than 5,000 employees in France or 
(ii) more than 10,000 in France and abroad for two consecutive years.</t>
  </si>
  <si>
    <t xml:space="preserve">Importers and producers of timber. 
An offence is committed by anyone who places illegally harvested timber on the market. </t>
  </si>
  <si>
    <t>The Timber and Timber Products and FLEGT (EU Exit) Regulations 2018</t>
  </si>
  <si>
    <t xml:space="preserve">ESG reporting </t>
  </si>
  <si>
    <t>Environmental governance and compliance</t>
  </si>
  <si>
    <t>Batteries and Waste Batteries, Regulation (EU) 2023/1542</t>
  </si>
  <si>
    <t>EU</t>
  </si>
  <si>
    <t>Obligations of Operators Who Place Timber and Timber Products on the Market, Regulation (EU) No 995/2010</t>
  </si>
  <si>
    <t xml:space="preserve">Environment </t>
  </si>
  <si>
    <t>Directive - EU - 2024/1760 - EN - EUR-Lex</t>
  </si>
  <si>
    <t>Regulation (EU) No 995/2010 of the European Parliament and of the Council of 20 October 2010 laying down the obligations of operators who place timber and timber products on the market (Text with EEA relevance)</t>
  </si>
  <si>
    <t>The regulation targets operators and traders.
Operators are those who first place timber and timber products on the EU market, while traders are those who buy or sell timber products already placed on the market.</t>
  </si>
  <si>
    <t xml:space="preserve">Supply Chain Due Diligence Obligations for Importers of Tin, Tantalum and Tungsten, their Ores and Gold Originating in Conflict Affected and High-Risk Areas, Regulation (EU) 2017/821 </t>
  </si>
  <si>
    <t>The target entities are EU importers of tin, tantalum, tungsten, their ores, and gold. These importers must comply with the due diligence obligations specified in the regulation.</t>
  </si>
  <si>
    <t>Prohibiting Products Made with Forced Labour on the Union Market, Regulation (EU) 2024/3015</t>
  </si>
  <si>
    <t>Voluntary Partnership Agreement between the European Union and the Republic of Côte d’Ivoire on Forest Law Enforcement, Governance and Trade in Timber and Timber Products to the EU (FLEGT), Decision (EU) 2024/1412</t>
  </si>
  <si>
    <t>Regulation - EU - 2024/3015 - EN - EUR-Lex</t>
  </si>
  <si>
    <t>Human rights Forced labour</t>
  </si>
  <si>
    <t xml:space="preserve">The regulation applies to all companies operating in the EU, regardless of revenue or where they are incorporated. </t>
  </si>
  <si>
    <t>Regulation - 2368/2002 - EN - EUR-Lex</t>
  </si>
  <si>
    <t>The target entities are EU importers and exporters of rough diamonds, as well as customs authorities responsible for enforcing the certification scheme.</t>
  </si>
  <si>
    <t>Decision - EU - 2024/1412 - EN - EUR-Lex</t>
  </si>
  <si>
    <t xml:space="preserve">Voluntary (mandatory for participating entities once in force) </t>
  </si>
  <si>
    <t>EUR-Lex - 22021A0618(01) - EN - EUR-Lex</t>
  </si>
  <si>
    <t>Implementing the Kimberley Process Certification Scheme for the International Trade in Rough Diamonds, Regulation (EC) No. 2368/2002</t>
  </si>
  <si>
    <t>Decision - 2023/904 - EN - EUR-Lex</t>
  </si>
  <si>
    <t xml:space="preserve">N/A </t>
  </si>
  <si>
    <t>Companies and individuals involved in the harvesting and initial processing of timber.</t>
  </si>
  <si>
    <t xml:space="preserve">All Spanish transnational companies or groups operating in the Spanish 
market. </t>
  </si>
  <si>
    <t>ESG disclosures</t>
  </si>
  <si>
    <t xml:space="preserve">Proposed and subsequently lapsed with the dissolution of the Dáil, November 2024 </t>
  </si>
  <si>
    <t>International Corporate Responsibility, Draft Act</t>
  </si>
  <si>
    <t xml:space="preserve">Environment/ Social </t>
  </si>
  <si>
    <t>Environment/ Social</t>
  </si>
  <si>
    <t>https://documents1.worldbank.org/curated/en/099084503102316232/pdf/P1626050c673020320adf60bbaaf0f53be4.pdf</t>
  </si>
  <si>
    <t>https://www.regeringen.se/contentassets/a976b85199eb4f838acd87a8b7c13d50/genomforande-av-eus-direktiv-om-tillborlig-aktsamhet-for-foretag-i-fraga-om-hallbarhet-dir.-2024123.pdf</t>
  </si>
  <si>
    <t>Both disclosure and action are encouraged</t>
  </si>
  <si>
    <t>Both disclosure and action</t>
  </si>
  <si>
    <t xml:space="preserve">Environmental Governance and compliance </t>
  </si>
  <si>
    <t>Labour Act 2003</t>
  </si>
  <si>
    <t>Protection of Forests and its Resources 2023</t>
  </si>
  <si>
    <t>Export of Forestry Industry Products, Regulation No. 84 2016</t>
  </si>
  <si>
    <t>Approving the National Action Plan on Business and Human Rights, Regulation No. 1, 2017</t>
  </si>
  <si>
    <t>Sustainable Forest Management and Verification of Timber Legality, Regulation No. 21, 2020</t>
  </si>
  <si>
    <t>Management of Timber Forest Products Originating from Natural Forests, Regulation No. 66, 2019</t>
  </si>
  <si>
    <t>Promoting the Distribution and Use of Legally Harvested Wood, Law No. 48, 2016</t>
  </si>
  <si>
    <t>Sustainable Use Of Timber Act, No 11429, 2012</t>
  </si>
  <si>
    <t>Semi-annually</t>
  </si>
  <si>
    <t xml:space="preserve">Any entity involved in the production or sale of timber is required to comply with the Act. This includes companies involved in the production, import, export, sale, retail, use in construction and transport of timber. </t>
  </si>
  <si>
    <t>Illegal Logging Prohibition Act, 2012</t>
  </si>
  <si>
    <t>Forests Act, 1989</t>
  </si>
  <si>
    <t>Voluntary Partnership Agreement (VPA) on Forest Law Enforcement, Governance and Trade (FLEGT) in Timber Products with the Republic of Honduras, Voluntary Partnership Agreement, June 2021</t>
  </si>
  <si>
    <t>Voluntary Partnership Agreement (VPA) Between the European Union and the Co-operative Republic of Guyana on Forest Law Enforcement, Governance and Trade in Timber Products, Council Decision (EU) 2023/904</t>
  </si>
  <si>
    <t>Annually or more frequently as required</t>
  </si>
  <si>
    <t>https://fra.gov.eg/wp-content/uploads/2021/12/107-2021%D8%AA%D9%85-%D8%AA%D8%B9%D8%AF%D9%8A%D9%84%D9%87.pdf</t>
  </si>
  <si>
    <t>nl-20240625-069.pdf</t>
  </si>
  <si>
    <t>Entities that import products into Norway are subject to the Act’s provisions, requiring compliance with sustainability standards and documentation requirements.</t>
  </si>
  <si>
    <t>Not set</t>
  </si>
  <si>
    <t>https://cn-1998260773-11-7vnsr40130.ibosscloud.com/syncCustomBranding/block_page/121719/563/563-block_page.html?fn=Default+TS+Users&amp;fp=1&amp;bu=legislatie.just.ro/Public/DetaliiDocument/274629&amp;bc=Geo+Ip+Location+RO&amp;ip=86.188.232.4&amp;ibip=cn-1174729809-9-vnsg14317.ibosscloud.com&amp;user=hsla&amp;pc=1</t>
  </si>
  <si>
    <t>UNGPs and OECD Guidelines</t>
  </si>
  <si>
    <t>OECD Guidelines</t>
  </si>
  <si>
    <t>Duty of Vigilance Law
(Law No. 2017/399), 2017</t>
  </si>
  <si>
    <t xml:space="preserve">The Act applies to businesses that produce, import, transport, store, treat or dispose of controlled waste. </t>
  </si>
  <si>
    <t>Sustainable Products and Value Chains, Act No 64, 2024</t>
  </si>
  <si>
    <t>Forestry Code, 2006</t>
  </si>
  <si>
    <t>Due Diligence Obligations and Transparency Regarding Minerals and Metals from Conflict Areas and Child Labour, Ordinance, 2021</t>
  </si>
  <si>
    <t>Environmental Protection Act, 1983</t>
  </si>
  <si>
    <t>Placing on the Market of Timber and Products Derived from Timber, Ordinance, 2021</t>
  </si>
  <si>
    <t>Companies and individuals involved in the harvesting and primary production of timber within Switzerland.</t>
  </si>
  <si>
    <t>Specific details to be determined</t>
  </si>
  <si>
    <t>UNGPs</t>
  </si>
  <si>
    <t>https://www.eerstekamer.nl/behandeling/20221102/voorstel_van_wet_zoals_gewijzigd/document3/f=/vlxokdmtrnyr.pdf</t>
  </si>
  <si>
    <t>https://www.wto.org/english/thewto_e/acc_e/rus_e/wtaccrus58_leg_255.pdf</t>
  </si>
  <si>
    <t>Colombia</t>
  </si>
  <si>
    <t>Corporate Sustainability Reporting, External Circular No. 100-000010, 2023</t>
  </si>
  <si>
    <t>Environmental management
ESG reporting</t>
  </si>
  <si>
    <t>Annually, and must be published on the company's website</t>
  </si>
  <si>
    <t>CIRCULAR EXTERNA 100 000010</t>
  </si>
  <si>
    <t>Florida (USA)</t>
  </si>
  <si>
    <t>https://laws.flrules.org/2024/185</t>
  </si>
  <si>
    <t xml:space="preserve">Austria </t>
  </si>
  <si>
    <t>Key Points for a Supply Chain Due Diligence Act, Draft Resolution, March 2021</t>
  </si>
  <si>
    <t>Parliamentary materials</t>
  </si>
  <si>
    <t>https://www.fedlex.admin.ch/eli/oc/2021/846/fr</t>
  </si>
  <si>
    <t>Ukraine</t>
  </si>
  <si>
    <t>https://www.lamoncloa.gob.es/consejodeministros/resumenes/Documents/2022/PAN%20202.pdf</t>
  </si>
  <si>
    <t xml:space="preserve">Philippines </t>
  </si>
  <si>
    <t>China</t>
  </si>
  <si>
    <t xml:space="preserve">China </t>
  </si>
  <si>
    <t>https://kjs.mof.gov.cn/zhengcefabu/202412/P020241216565879245839.pdf</t>
  </si>
  <si>
    <t>International Sustainability Standards Board (ISSB) Standards</t>
  </si>
  <si>
    <t>Yes, the ISSB standards reference both the UNGPs and the OECD Guidelines. These references help ensure that the ISSB standards align with widely accepted international norms and expectations for responsible business conduct.</t>
  </si>
  <si>
    <t>All companies that place products on the market or provide services in Austria and exceed a yet-to-be-defined minimum annual turnover.</t>
  </si>
  <si>
    <t>Egypt</t>
  </si>
  <si>
    <t>Due Diligence for Responsible Sourcing of Gold, Regulations 2022</t>
  </si>
  <si>
    <t xml:space="preserve">Supply chain Financial crime </t>
  </si>
  <si>
    <t>Transparency in Supply Chains Act, 2010</t>
  </si>
  <si>
    <t xml:space="preserve">Financial Reform and Congo Conflict Minerals Reporting, House Bill 4173, 2010 </t>
  </si>
  <si>
    <t>Prevention of Forced Labor in Xinjiang Uyghur (UFLPA), House Bill 6256, 2021</t>
  </si>
  <si>
    <t>Specific timings to be confirmed</t>
  </si>
  <si>
    <t>Responsible and Sustainable International Business Conduct, Revised, Draft Law, 2022</t>
  </si>
  <si>
    <t>Timber and Timber Products (Placing on the Market) Regulations, 2013</t>
  </si>
  <si>
    <t>Transparency Act, 2021</t>
  </si>
  <si>
    <t>Hong Kong</t>
  </si>
  <si>
    <t>Hong Kong (China): Modern Slavery Bill, November 2017</t>
  </si>
  <si>
    <t>https://www.legco.gov.hk/yr17-18/chinese/panels/se/papers/secb2-765-1-ec.pdf</t>
  </si>
  <si>
    <t>Thailand</t>
  </si>
  <si>
    <t>Measures for Preventing and Suppressing Human Trafficking, Announcement, October 2024</t>
  </si>
  <si>
    <t>Yes</t>
  </si>
  <si>
    <t>https://ratchakitcha.soc.go.th/documents/48509.pdf</t>
  </si>
  <si>
    <t xml:space="preserve">Every producer, trader or purchaser of rough diamonds operating in Brazil, including importers and exporters.
</t>
  </si>
  <si>
    <t>Human Rights / Environment</t>
  </si>
  <si>
    <t>Human Rights and Environmental Due Diligence law (not yet drafted)</t>
  </si>
  <si>
    <t>Businesses operating in Thailand (specific details TBC)</t>
  </si>
  <si>
    <t>Specific reporting details TBC</t>
  </si>
  <si>
    <t>https://www.agindustries.org.uk/resource/uk-forest-risk-commodity-regulation-ukfrc-and-eu-deforestation-regulation-eudr-frequently-asked-questions.html</t>
  </si>
  <si>
    <t>Corporate Sustainability Reporting Directive (CSRD) (EU) 2022/2464</t>
  </si>
  <si>
    <t>https://eur-lex.europa.eu/legal-content/EN/TXT/?uri=CELEX:32022L2464
https://commission.europa.eu/publications/omnibus-i_en</t>
  </si>
  <si>
    <t>The OECD Guidelines explicitly incorporate key aspects of the UNGPs. The two are complementary instruments that together aim to provide a coherent framework for managing and addressing business-related human rights issues. The incorporation of the UNGPs into the OECD Guidelines underscores the importance of respecting human rights within the global business environment.</t>
  </si>
  <si>
    <t xml:space="preserve">The UNGPs make reference to the OECD Guidelines for Multinational Enterprises. Both frameworks are closely related and mutually reinforcing, aiming to promote responsible business conduct globally. </t>
  </si>
  <si>
    <t xml:space="preserve">Voluntary unless mandated by national law </t>
  </si>
  <si>
    <t>The Ten Principles | UN Global Compact</t>
  </si>
  <si>
    <t>Voluntary</t>
  </si>
  <si>
    <t>Labour conditions
Human rights
Environment
Discrimination</t>
  </si>
  <si>
    <t>Both disclosure
and action</t>
  </si>
  <si>
    <t>All types of entities, regardless of type, size or jurisdiction.</t>
  </si>
  <si>
    <t>Nigeria</t>
  </si>
  <si>
    <t>Roadmap Report for Adoption of IFRS Sustainability Disclosure Standards</t>
  </si>
  <si>
    <t>ESG reporting</t>
  </si>
  <si>
    <t>https://www.cac.gov.ng/wp-content/uploads/2020/12/CAMA-NOTE-BOOK-FULL-VERSION.pdf</t>
  </si>
  <si>
    <t>Nigerian companies</t>
  </si>
  <si>
    <t>Companies and Allied Matters Act 2020</t>
  </si>
  <si>
    <t>Annually. Part of the general purpose financial reports and must be made public.</t>
  </si>
  <si>
    <t>All Nigeria companies according to the phased-in timings</t>
  </si>
  <si>
    <t>ADOPTION READINESS WORKING GROUP (ARWG) FOR SUSTAINABILITY REPORTING IN NIGERIA</t>
  </si>
  <si>
    <t>Modern Slavery Act 2015 (legislation.gov.uk)
https://assets.publishing.service.gov.uk/media/67dd67b4c6194abe97358c26/Transparency_in_supply_chains_a_practical_guide.pdf</t>
  </si>
  <si>
    <t>https://jdih.menlhk.co.id/uploads/files/P_21_2020_PENILAIAN_KINERJA_PHPL_DAN_VLK_IPHHK_menlhk_11092020081219.pdf</t>
  </si>
  <si>
    <t>ESG Reporting
Human Rights
Environment</t>
  </si>
  <si>
    <t>UNGPs (expected)</t>
  </si>
  <si>
    <t>https://www.sse.com.cn/lawandrules/sselawsrules/stocks/mainipo/a/20240412/dff04ac2a0a26348c4fd52dfe1cabbb7.docx</t>
  </si>
  <si>
    <t xml:space="preserve">Social/ Environment </t>
  </si>
  <si>
    <t>Human rights/ Environment</t>
  </si>
  <si>
    <t>Annual as part of the statutory reporting</t>
  </si>
  <si>
    <t>Roadmap on
Sustainability Disclosure
in Hong Kong</t>
  </si>
  <si>
    <t>FSTB_Roadmap2024_eBooklet_EN.pdf</t>
  </si>
  <si>
    <t>Singapore</t>
  </si>
  <si>
    <t>SGX RegCo: IFRS Sustainability Disclosure Standards</t>
  </si>
  <si>
    <t>Listed issuers</t>
  </si>
  <si>
    <t>https://regco.sgx.com/regco/public-consultations/20240307-consultation-paper-sustainability-reporting-enhancing</t>
  </si>
  <si>
    <t>Pakistan</t>
  </si>
  <si>
    <t>Press-release-on-Jan-1.pdf</t>
  </si>
  <si>
    <t>SECP: Adoption of IFRS Sustainability Disclosure Standards</t>
  </si>
  <si>
    <t>On 1 January 2025 the Securities and Exchange Commission of Pakistan (SECP) announced a staged adoption approach for the ISSB standards. IFRS S1 and IFRS S2 will be required initially only for listed companies on the basis of certain criteria, such as total assets, turnover and number of employees.
The largest listed entities will have to apply the standards for annual reporting periods beginning on or after 1 July 2025, while the second and third tier of listed entities will be required to report from July 2026 and July 2027 respectively.
From July 2027, the standards will also be applicable to unlisted licensed public interest entities.</t>
  </si>
  <si>
    <t>Turkey</t>
  </si>
  <si>
    <t>KurumsalSurdurulebilirlikRaporlarınaYonelikZorunluGuvenceDenetimlerineIliskinDuyuru.pdf</t>
  </si>
  <si>
    <t>Treasury Laws Amendment (Financial Market Infrastructure and Other Measures) Bill 2024</t>
  </si>
  <si>
    <t>Treasury Laws Amendment (Financial Market Infrastructure and Other Measures) Bill 2024 – Parliament of Australia</t>
  </si>
  <si>
    <t>Malaysia</t>
  </si>
  <si>
    <t>General Requirements for Disclosure of Sustainability-related Financial Information</t>
  </si>
  <si>
    <t>Listed companies</t>
  </si>
  <si>
    <t>https://www.gov.br/cvm/pt-br/assuntos/noticias/2024/cvm-edita-as-resolucoes-217-218-e-219</t>
  </si>
  <si>
    <t>https://www.ssb-j.jp/jp/wp-content/uploads/sites/7/20250305_e.pdf</t>
  </si>
  <si>
    <t>Chile</t>
  </si>
  <si>
    <t>La Norma de Carácter General (NCG) N°519 
(Implementation of Sustainability Reporting Standards)</t>
  </si>
  <si>
    <t>https://www.cmfchile.cl/portal/prensa/615/w3-article-86543.html</t>
  </si>
  <si>
    <t xml:space="preserve">Environment /Social </t>
  </si>
  <si>
    <t>SR 814.021 - Ordinance of 12 May 2021 on Placing... | FedEx</t>
  </si>
  <si>
    <t>Text - H.R.6256 - 117th Congress (2021-2022): To ensure that goods made with forced labour in the Xinjiang Uyghur Autonomous Region of the People's Republic of China do not enter the United States market, and for other purposes. | Congress.gov | Library of Congress</t>
  </si>
  <si>
    <t>Group 1: mandatory reporting from 1 January 2025
Group 2: mandatory reporting from 1 July 2026
Group 3: mandatory reporting from 1 July 2027</t>
  </si>
  <si>
    <t>Large publicly accountable entities (i.e. listed companies which are large cap issuers and large 
non-listed financial institutions carrying 
a significant weight in Hong Kong). Companies not within scope are encouraged to apply the Hong Kong Standards on a voluntary basis.</t>
  </si>
  <si>
    <t>Human rights
Environment
Batteries 
Waste</t>
  </si>
  <si>
    <t>The EU Timber Regulation (EUTR) aims to combat the trade of illegally harvested timber and timber products within the EU. 
It imposes due diligence obligations on operators who place timber and timber products on the EU market for the first time, requiring them to assess and mitigate the risk of illegal timber in their supply chains. 
The regulation obliges traders within the EU to keep records of their suppliers and customers to ensure traceability. By enforcing these measures, the EUTR seeks to promote sustainable forest management and legality in the timber sector.
The Regulation will be partially repealed by the Deforestation Regulation on 29 December 2025 and fully repealed on 31 December 2028.
Regulation (EU) No 607/2012 lays down detailed rules for the implementation of Regulation (EU) No 995/2010, by establishing the requirements for the due diligence systems that operators must use to ensure that no illegal timber is placed on the EU market. The regulation also specifies the frequency and nature of checks that competent authorities must conduct on monitoring organisations to ensure compliance.</t>
  </si>
  <si>
    <t>Businesses that fall in scope must establish a due diligence system for ensuring compliance and must report on that system annually.</t>
  </si>
  <si>
    <t>Commodities Produced by Forced Labor (HB 1331), Chapter 2024-185</t>
  </si>
  <si>
    <t>The companies in scope of this law are those that wish to enter into contracts with Florida state agencies for providing goods or services.
Specifically, it targets companies that may produce commodities using forced labour.</t>
  </si>
  <si>
    <t>d</t>
  </si>
  <si>
    <t>No periodic reporting, but information required to be submitted to customs authorities.</t>
  </si>
  <si>
    <t>Reveal Risky Business in China Act, House Bill 4451, 2023</t>
  </si>
  <si>
    <t>Textiles
Due Diligence</t>
  </si>
  <si>
    <t>Fashion Accountability Act, Senate Bill 4558, 2025</t>
  </si>
  <si>
    <t>Due diligence report to be submitted annually</t>
  </si>
  <si>
    <t>NY State Senate Bill 2025-S4558B</t>
  </si>
  <si>
    <t>Improving Liability for Offences in the Field of Forest Use and Combating Illegal Timber Trafficking, Draft Law, September 2023</t>
  </si>
  <si>
    <t>http://w1.c1.rada.gov.ua/pls/zweb2/webproc4_1?pf3511=76713</t>
  </si>
  <si>
    <t>Mandatory Corporate Sustainability Reporting, Decision, December 2023</t>
  </si>
  <si>
    <t>Popular Initiative for Responsible Businesses in Protecting Human Rights and the Environment, Decision, January 2025</t>
  </si>
  <si>
    <t>FF 2025 7 - Initiative populaire fédérale «Pour ... | Fedlex</t>
  </si>
  <si>
    <t>Non-Financial Reporting and Supply Chain Due Diligence, Law, June 2020</t>
  </si>
  <si>
    <t>Corporate Sustainability Reporting, Draft Law, June 2024</t>
  </si>
  <si>
    <t>https://www.newsd.admin.ch/newsd/message/attachments/88438.pdf</t>
  </si>
  <si>
    <t>Sweden's Implementation of the EU Corporate Sustainability Due Diligence Directive, 2024</t>
  </si>
  <si>
    <t>Protection of Human Rights, Sustainability and Due Diligence in Transnational Business Activities, Draft Law, 2022</t>
  </si>
  <si>
    <t>Child Labour Due Diligence Law, 2019</t>
  </si>
  <si>
    <t>Adopted but not effective yet</t>
  </si>
  <si>
    <t>https://www.internetconsultatie.nl/wivo/document/13296</t>
  </si>
  <si>
    <t>Labour Exploitation and Trafficking (Audit of Supply Chains) Bill No. 45, 2024</t>
  </si>
  <si>
    <t>Corporate Due Diligence In Supply Chains Act, 2021 (Lieferkettensorgfaltspflichtengesetz, LkSG)</t>
  </si>
  <si>
    <t>Companies Act 2006</t>
  </si>
  <si>
    <t>Annually as part of the statutory accounts</t>
  </si>
  <si>
    <t>Listed companies, and unlisted companies other than SMEs.</t>
  </si>
  <si>
    <t>Eradicating Forced Labour from Canadian Supply Chains</t>
  </si>
  <si>
    <t>Not known</t>
  </si>
  <si>
    <t>2024 Fall Economic Statement</t>
  </si>
  <si>
    <t>Qatar</t>
  </si>
  <si>
    <t>Kenya</t>
  </si>
  <si>
    <t>Roadmap for Adoption of IFRS Sustainability Disclosure Standards, 2024</t>
  </si>
  <si>
    <t>Mexico</t>
  </si>
  <si>
    <t>Annually as part of the annual financial report, to be submitted by 30 June each year.</t>
  </si>
  <si>
    <t>https://www.dof.gob.mx/nota_detalle.php?codigo=5747872&amp;fecha=28/01/2025#gsc.tab=0</t>
  </si>
  <si>
    <t>Proposed amendments to Main and ACE Market Listing Requirements, 2024</t>
  </si>
  <si>
    <t xml:space="preserve">The Malaysian Exchange is proposing to amend the listing rules for the Bursa Malaysia Securities Berhad to incorporate sustainability reporting under the ISSB sustainability standards, IFRS S1 and S2, with amendments. </t>
  </si>
  <si>
    <t>CP_Consolidated_Proposed_Amendments__FINAL_.pdf</t>
  </si>
  <si>
    <t>Annually as part of the annual report</t>
  </si>
  <si>
    <t>2023RFC_SuRe-Guidelines.pdf</t>
  </si>
  <si>
    <t>To begin with, mandatory disclosures will only be required of the largest listed companies, expanding to public interest entities by 2027. Thresholds for the tiers are yet to be published.</t>
  </si>
  <si>
    <t>Corporate governance
Responsible supply chain
Human rights
Labour conditions
Forced labour
Equal opportunity
Resource efficiency
Biodiversity
Waste management</t>
  </si>
  <si>
    <t>The law requires companies to conduct due diligence on their supply chains to ensure responsible sourcing of minerals and metals from conflict areas. 
Companies must also implement measures to prevent child labour within their supply chains. The ordinance mandates that companies publish annual reports detailing their due diligence processes and findings. This regulation aims to promote transparency and ethical practices in sourcing critical materials.
Note that the due diligence and reporting obligations for conflict minerals only apply where companies import/process quantities above those specified in the Annex 1 to the law. There also exists an exemption for low risk undertakings. A low risk in relation to child labour is assumed if a company operating in countries whose due diligence response is rated as "basic" by UNICEF in its Children's Rights in the Workplace Index: (i) purchases or manufactures products in accordance with the indication of origin; and (ii) primarily procures or provides services. A further exemption from the due diligence and reporting obligations exists if a company has carried out child labour checks and, based on those checks, is able to conclude that there are no reasonable grounds to suspect child labour. In each exemption case, such findings would need to be appropriately documented.</t>
  </si>
  <si>
    <t>The Act applies to larger enterprises (or groups) that are resident in Norway and that offer goods and services in or outside Norway. 
The Act also applies to larger foreign enterprises that offer goods and 
services in Norway, and that are liable to tax to Norway pursuant to internal Norwegian legislation.
“Larger enterprises” means those exceeding two of: 
- Turnover NOK 70m (EUR6m)
- Balance sheet NOK 35m (EUR3m)
- 50 employees</t>
  </si>
  <si>
    <t>Regulation - 2023/1115 - EN - EUR-Lex
https://ec.europa.eu/info/law/better-regulation/have-your-say/initiatives/14655-Delegated-Regulation-amending-Annex-I-of-Regulation-EU-2023-1115-EU-Deforestation-Regulation-_en</t>
  </si>
  <si>
    <t>Act on Corporate Due Diligence Obligations in Supply Chains Germany
https://dserver.bundestag.de/btd/21/003/2100329.pdf</t>
  </si>
  <si>
    <t>Establishing Due Diligence Reports in Respect of Human Rights, the Environment, and Climate Change, Draft Law, April 2025</t>
  </si>
  <si>
    <t>https://www.camara.cl/legislacion/ProyectosDeLey/tramitacion.aspx?prmID=18078&amp;prmBOLETIN=17446-17</t>
  </si>
  <si>
    <t xml:space="preserve">UNGPs and OECD Guidelines </t>
  </si>
  <si>
    <t>https://eur-lex.europa.eu/eli/reg/2023/1542/oj/eng
https://single-market-economy.ec.europa.eu/document/download/44278d85-c0fe-4843-a4f3-f9d37f87e7e8_en?filename=COM_2025_258_F1_PROPOSAL_FOR_A_REGULATION_EN_V2_P1_4104928.PDF</t>
  </si>
  <si>
    <t>Global/OECD countries</t>
  </si>
  <si>
    <t>Business culture and ethics
Responsible supply chain
Human rights
Labour conditions
Environment
Taxation
Competition</t>
  </si>
  <si>
    <t>The OECD Guidelines specifically target multinational enterprises, but they are relevant for a broad range of enterprises, including those engaged in business activities across borders. The OECD Guidelines apply to both state-owned enterprises and private companies.</t>
  </si>
  <si>
    <t>United Nations Global Compact (UNGC)</t>
  </si>
  <si>
    <t xml:space="preserve">The UNGC promotes 10 principles in the areas of:
- human rights (support and respect human rights, and do not be complicit in abuses) 
- labour (freedom of association and collective bargaining, elimination of forced labour, abolition of child labour, elimination of discrimination)
- environment (precautionary approach, greater environmental responsibility, development of environmentally-friendly technologies)
- anti-corruption. 
Companies that join commit to aligning their strategies and operations with these principles and to report their progress annually. An annual financial commitment is payable by participants, based on the company's revenue. </t>
  </si>
  <si>
    <t xml:space="preserve">Participating companies must submit an annual Communication on Progress (CoP) report within the submission window, covering a statement of continued support, description of actions taken to implement the principles, and measurement of outcomes. The CoP may be part of or separate to the company's sustainability or annual report, and must be published on the UNGC's website. </t>
  </si>
  <si>
    <t>The UNGC refers to the UNGPs, which it says provide further conceptual and operational clarity for the two human rights principles championed by the Global Compact.</t>
  </si>
  <si>
    <t xml:space="preserve">Business culture and ethics
Responsible supply chain
Human rights
Labour conditions
Forced labour
Discrimination
</t>
  </si>
  <si>
    <t>The UNGPs provide a global standard for preventing and addressing the risk of adverse impacts on human rights linked to business activity.
The UNGPs are structured around three key pillars:
1. The State Duty to Protect Human Rights: This pillar emphasises that states have a duty to protect human rights against abuse by third parties, including businesses, through effective policies, legislation, regulation and adjudication.
2. The Corporate Responsibility to Respect Human Rights: 
Corporations are expected to avoid infringing on human rights and to address adverse human rights impacts with which they are involved. This involves implementing due diligence processes to identify, prevent, mitigate and account for how they address their impacts on human rights.
3. Access to Remedy: 
Both states and businesses should ensure that victims of business-related human rights abuses have access to effective remedy, through judicial, administrative, legislative or other appropriate means.
The adoption of the UNGPs marked a significant milestone in the field of business and human rights, providing a clear and authoritative framework for addressing the complex issues at the intersection of human rights and business activities.</t>
  </si>
  <si>
    <t>Although the UNGPs do not mandate specific reporting obligations, they emphasise the importance of businesses communicating how they address human rights impacts. 
For example, under the second pillar, businesses are expected to respect human rights. This includes conducting human rights due diligence processes and being transparent about these efforts. Part of this due diligence involves communication, and in particular public reporting. Companies should communicate externally about their human rights impacts and how they are addressing them. This is especially important when concerns are raised by or on behalf of affected stakeholders. 
While the UNGPs do not specify the exact frequency of reporting, businesses are generally expected to report on their human rights performance regularly, such as annually.</t>
  </si>
  <si>
    <t>The UNGPs apply to both states and businesses of all sizes, sectors and jurisdictions. They are particularly significant for multinational enterprises that operate across borders and which have complex supply chains.</t>
  </si>
  <si>
    <t xml:space="preserve">Until a member state ratifies an ILO convention, the standards and requirements set out in the convention are voluntary. Member states are encouraged to align their national laws and practices with international labour standards, but they are not legally obligated to do so unless they ratify the convention. Once ratified, the convention becomes legally binding. </t>
  </si>
  <si>
    <t xml:space="preserve">Business culture and ethics
Responsible supply chain
Human rights
Labour conditions
Forced labour
Discrimination
Equal remuneration
</t>
  </si>
  <si>
    <t xml:space="preserve">The ILO conventions require periodic reporting by member states to the ILO on measures taken to implement the conventions and the results achieved. These reports are usually submitted every two to five years, depending on the specific convention. They do not impose any direct obligations or reporting obligations on companies.
</t>
  </si>
  <si>
    <t xml:space="preserve">The ILO standards are designed to foster cooperation among member states, governments, employers and workers to improve labour conditions worldwide. While the primary responsibility rests with governments to ratify and implement these standards, employers, workers and their organisations also play crucial roles in ensuring compliance and advocating for better labour practices. </t>
  </si>
  <si>
    <t>No. (However, note that businesses and governments are encouraged to use these frameworks concurrently, ensuring that their actions meet the complementary standards set out by the ILO, UNGPs and the OECD).</t>
  </si>
  <si>
    <t>Environmental and social</t>
  </si>
  <si>
    <t>Business culture and ethics
Responsible supply chain
Human rights
Labour conditions
Forced labour
Resource efficiency
Biodiversity
Indigenous peoples</t>
  </si>
  <si>
    <t>Yes, the IFC Performance Standards include comprehensive reporting requirements for IFC clients, projects and financial institutions. These requirements are designed to ensure ongoing compliance, transparency and effective management of environmental and social risks associated with IFC-supported projects. 
For example, IFC clients are typically required to prepare and submit annual environmental and social performance reports. These reports should detail the client's compliance with the IFC Performance Standards, including progress on implementing any corrective actions or mitigation measures. 
IFC clients must also report the results of their environmental and social impact assessments (ESIAs) and ongoing monitoring efforts, highlighting both successes and areas needing improvement.</t>
  </si>
  <si>
    <t>Yes, both UNGPs and OECD Guidelines are referred to. These references are embedded in how the standards are structured and implemented, ensuring that their principles of responsible business conduct are cohesive with these global frameworks.
For example, reference is made to the UNGPs in relation to human rights due diligence. The IFC Performance Standards emphasise the importance of conducting human rights due diligence and the UNGPs' principle that businesses should respect human rights and address any adverse impacts that arise from their activities.</t>
  </si>
  <si>
    <t>The GRI Standards have been deliberately designed to be flexible and can be adopted by a wide variety of entities, including private businesses, public sector organisations, NGOs, educational institutions, financial institutions and industry groups. These standards help organisations of all types and sizes to systematically report their sustainability performance, engage stakeholders and drive sustainable development.</t>
  </si>
  <si>
    <t>Yes, the GRI Standards reference both the UNGPs and the OECD Guidelines. These references help align the GRI Standards with internationally recognised frameworks for responsible business conduct, ensuring that organisations using the GRI Standards are also addressing key principles associated with human rights and responsible business practices.
For example, the GRI Standards align closely with the principles articulated in the UNGPs, particularly in areas related to human rights due diligence, impact assessment and grievance mechanisms.</t>
  </si>
  <si>
    <t xml:space="preserve">Depends on legislative requirements in each jurisdiction. 
The default expectation for sustainability reporting under ISSB Standards is on an annual basis. That said, companies are encouraged to provide updates on significant changes or events as necessary, which can be done in alignment with interim financial reports. </t>
  </si>
  <si>
    <t>The ISSB Standards primarily target public companies and large organisations, but they can be applied by any entity seeking to enhance transparency in sustainability reporting.</t>
  </si>
  <si>
    <t xml:space="preserve">https://www.ifrs.org/issued-standards/ifrs-sustainability-standards-navigator/ </t>
  </si>
  <si>
    <t>On 10 May 2023, the Algerian Ministry of Agriculture, Rural Development and Fisheries published a draft Law to define and lay down rules for the management, protection and development of national forests within the framework of sustainable development. It applies to forests, woods and forest land, regardless of their legal nature.
Authorisation requirements are set out for actions which could endanger national forests. For example:
- Forest clearing, cutting of trees and flora is subject to prior authorisation from the forest administration. 
- Except in specific cases of intervention, ploughing in the public forest domain may be authorised and carried out only within the perimeters expressly designated for this purpose.
- Any exploitation of products from and uses of the public forest domain is subject to the payment of royalties, as per the finance law.
The draft law also sets out the sanctioning regime in case of violations of its provisions.</t>
  </si>
  <si>
    <t>Companies, cooperatives and individuals involved in the cutting, harvesting and initial processing of timber and other forest products.</t>
  </si>
  <si>
    <t>The Act governs employment relations and aims to protect workers' rights and promote fair labour practices. It includes specific provisions regarding the employment of young persons and mandates regular labour inspections to ensure compliance.
Part XIV prohibits forced labour, making it an offence for employers to demand it, with exceptions for court-ordered labour, military duties, emergencies and civic obligations.</t>
  </si>
  <si>
    <t>Kenyan standard setter ICPAK signalled its intention to adopt the ISSB sustainability standards in 2023 and in 2024 laid out the timeline for mandatory reporting by certain Kenyan entities in line with IFRS S1 and S2. The roadmap will be supported by adoption guidance.</t>
  </si>
  <si>
    <t xml:space="preserve"> - Public interest entities (PIEs): Required to adopt the standards for accounting periods beginning on or after 1 January 2027
- Large non-PIEs: Adoption becomes mandatory for accounting periods beginning on or after 1 January 2028
- Small and medium-sized enterprises (SMEs): Expected to adhere to the standards for accounting periods beginning on or after 1 January 2029 
- Phase 3 (public sector entities): The timeline for adoption by public sector entities will be determined by ICPAK at a later date.</t>
  </si>
  <si>
    <t xml:space="preserve">Requires that directors of Nigerian companies must have regard, as part of acting in the best interests of the company, to the impact of the company's operations on the environment in the community where it carries out its business operations. </t>
  </si>
  <si>
    <t>Nigeria's Financial Reporting Council published a roadmap in April 2024 outlining the introduction of mandatory sustainability reporting based on the IFRS sustainability standards: 
- 1 January 2024 – voluntary adoption
- 1 January 2028 – mandatory for public interest entities
- 1 January 2030 – mandatory for SMEs
Companies may elect for climate-only reporting in the first year.</t>
  </si>
  <si>
    <t xml:space="preserve">Modern Slavery Act 2018 (the Australian MSA) </t>
  </si>
  <si>
    <t xml:space="preserve">Entities need to report under the Australian MSA if they are an Australian entity or carry out business in Australia, in both cases with annual consolidated revenue above A$100 million. </t>
  </si>
  <si>
    <t xml:space="preserve">The Act aims to combat illegal logging and promote responsible forestry practices, ensuring that timber products entering the Australian market are sourced from legal logging operations.
A person commits an offence under the Act if: 
(a) the person imports a thing; and 
(b) the thing is, is made from, or includes, illegally logged timber; and 
(c) the thing is not prescribed as exempt by the Act.
Importers of regulated timber products and processors of domestically harvested raw logs are required to undertake due diligence to ensure that the timber is legally logged. This includes gathering information on its origin, assessing the risk of illegal logging and mitigating identified risks.
The Illegal Logging Prohibition Amendment (Due Diligence Improvements) Regulations 2018 added new guidelines for Korea and update those for Malaysia and Indonesia, to help importers meet due diligence obligations for timber products from these countries. The amendment also introduced a 'reasonableness' standard for importers and processors using timber legality frameworks in their risk assessments, ensuring their identification and assessment of risk are reasonable and justifiable. This standard aligns with existing prescribed risk factors and guidelines within the principal regulation.
The Act was further amended by the Illegal Logging Prohibition Amendment (Strengthening Measures to Prevent Illegal Timber Trade) Act 2024, which strengthens measures against the illegal timber trade, supporting sustainable practices. It also gave ministers powers to make further rules on the prohibition of illegal logging. The rules came into force on 3 March 2025 and provide detailed requirements in relation to regulated timber products and due diligence for the purposes of the Act. Specifically, the rules prescribe the regulated timber products to which the Act applies and the ones which are exempt, and the due diligence requirements for importers of regulated timber products and processors of raw logs. 
</t>
  </si>
  <si>
    <t>No specific reporting requirements, but the regulator may select entities for assessment and require them to produce information on the due diligence system relating to the importation or processing of specific timber products.</t>
  </si>
  <si>
    <t xml:space="preserve">Target entities under this Act include:
i) regular importers of timber products
ii) entities that process raw logs harvested within Australia </t>
  </si>
  <si>
    <t xml:space="preserve">Under this Act, relevant entities are required to disclose climate-related plans and financial risks and opportunities in line with Australian Sustainability Reporting Standards (ASRS). 
The Australian Accounting Standards Board introduced two standards (AASB1 and AASB2) which are closely based on the ISSB standards. However, unlike IFRS S1 and IFRS S2, the Australians standards apply to both for-profit and not-for-profit entities. AASB S2 is a mandatory standard, modelled on IFRS S2 with minimal variations, whilst AASB S1 is a voluntary standard.
</t>
  </si>
  <si>
    <t xml:space="preserve">Group 1: entities meeting at least two of the following thresholds:
A$500m or more consolidated gross revenue
A$1bn or more consolidated assets
&gt;500 employees
Group 2: entities meeting at least two of the following thresholds:
A$200m or more consolidated gross revenue
A$500m or more consolidated assets
&gt;250 employees
Group 3: entities meeting at least two of the following thresholds:
A$50m or more consolidated gross revenue
A$25m or more consolidated assets
&gt;100 employees
</t>
  </si>
  <si>
    <t xml:space="preserve">The Act applies to entities involved in forest management, harvesting and timber-related activities. These include forest owners, log traders, sawmill operators and importers and exporters of timber. </t>
  </si>
  <si>
    <t xml:space="preserve">On 12 April 2024, the stock exchanges in Shanghai, Shenzhen and Beijing published Sustainability Reporting Guidelines for Select Listed Companies, which require major issuers in China to disclose on a wide range of ESG and sustainable development topics.
In-scope entities will be required to disclose information across specific environmental, social and governance issues, noting the key financial implications on areas of company governance, company strategies, management of impacts, risks and opportunities, and indicators and targets in optimising sustainability. 
</t>
  </si>
  <si>
    <t>The entities in scope include the 180 biggest companies on each of the Shanghai Stock Exchange and the Shenzhen Stock Exchange, the 50 biggest companies on the Shanghai Science and Technology Innovation Board Index, the 100 biggest companies on the Shenzhen Stock Exchange's ChiNext board, as well as companies simultaneously listed in China and overseas stock markets. 
Issuers in scope have to publish their first sustainability report by 30 April 2026 for the year 2025. Thereafter, companies are required to publish their reports within four months of the end of their financial year, aligning with the timeframe for annual financial reports.
For all other issuers listed on these stock exchanges, reporting under the new guidelines will be voluntary but highly recommended.</t>
  </si>
  <si>
    <t>Chinese Sustainability Disclosure Standards for Business Enterprises – Basic Standard (Trial)</t>
  </si>
  <si>
    <t>On 17 December 2024, the Chinese Ministry of Finance and other government departments published a notice on the Chinese Sustainability Disclosure Standards for Business Enterprises – Basic Standards (Trial). 
The Standards aim to establish an ISSB-aligned, unified mandatory sustainability reporting system by 2030, with basic disclosure standards implemented by 2027. 
The Chinese Standards diverge from the original ISSB Standards by including a double materiality assessment, which considers both the impact of the company on relevant factors and the impact of those factors on the company. This information must be disclosed in an annual report alongside the measures the company is taking to improve in these areas.
Companies must disclose material sustainability-related risks, opportunities and impacts in their operations and value chains, adhering to principles of governance, strategy, risk management, and metrics and targets. The Standards require annual sustainability reports to be published alongside financial statements, ensuring clear, structured disclosures accessible to stakeholders, and will apply alongside existing guidelines for listed companies.</t>
  </si>
  <si>
    <t xml:space="preserve">For the moment, businesses are encouraged to adopt the Basic Standard and report on a voluntary basis.
The introduction of mandatory reporting is expected to start with listed companies before extending to non-listed ones, and large corporations before small and medium-sized enterprises.
</t>
  </si>
  <si>
    <t xml:space="preserve">The Hong Kong (China) Modern Slavery Bill, proposed in November 2017, aims to combat modern slavery by criminalising practices such as human trafficking, forced labour, sexual exploitation and servitude. It establishes stiff penalties for individuals and organisations found guilty of these crimes. 
The bill also includes measures for the protection and support of victims, ensuring they receive necessary aid and rehabilitation. Additionally, it mandates increased due diligence and transparency from businesses to prevent and address modern slavery within their operations and supply chains.
The draft proposes the insertion of a new Section 189 into the existing Organised and Serious Crimes Ordinance, entitled 'Transparency in supply chains', which would require commercial organisations conducting business in Hong Kong whose turnover exceeds a threshold amount to publish an annual slavery and human trafficking statement. </t>
  </si>
  <si>
    <t>Commercial organisations, defined as:
i) a body corporate (wherever incorporated) which carries on a business, or part of a business, in Hong Kong; or
ii) a partnership (wherever formed) which carries on a business, or part of a business, in Hong Kong, and includes a trade or profession.</t>
  </si>
  <si>
    <t>Securities and Exchange Board of India (SEBI) (Listing Obligations and Disclosure Requirements (LODR)) Regulations 2015</t>
  </si>
  <si>
    <t>Target entities are defined as: 
i) companies whose securities (equity shares, debentures, bonds, etc.) are listed on recognised stock exchanges in India
ii) entities that have listed their specified securities on the SME Exchange, which has separate regulatory provisions under the SEBI LODR Regulations
iii) infrastructure investment trusts (InvITs) and real estate investment trusts (REITs). (These entities, which are listed on stock exchanges, must comply with the SEBI LODR Regulations concerning their disclosure and reporting obligations.)
iv) companies incorporated outside India but listed on Indian stock exchanges</t>
  </si>
  <si>
    <t xml:space="preserve">SEBI focuses on the largest listed companies in terms of market capitalisation. 
From FY 2023-24: The top 150 listed entities.
From FY 2024-25: The top 250 listed entities.
From FY 2025-26: The top 500 listed entities.
From FY 2026-27: The top 1000 listed entities.
</t>
  </si>
  <si>
    <t>SEBI | BRSR Core – Framework for assurance and ESG disclosures for value chain</t>
  </si>
  <si>
    <t xml:space="preserve">The Regulation applies to:
i) businesses involved in harvesting, processing or manufacturing timber and forestry products intended for export 
ii) trade companies in the forestry sector 
iii) exporters of forestry products </t>
  </si>
  <si>
    <t xml:space="preserve">The Regulation applies to: 
i) all companies operating in Indonesia, including SMEs 
ii) foreign companies with operations, subsidiaries or supply chains in Indonesia
</t>
  </si>
  <si>
    <t xml:space="preserve">The Regulation applies to: 
i) entities holding licenses for forest management
ii) timber producers, traders and exporters
iii) primary and secondary wood processing industries 
iv) logistics and transport companies </t>
  </si>
  <si>
    <t xml:space="preserve">The Regulation establishes comprehensive guidelines to ensure sustainable forest management and verify the legality of timber. 
It mandates that all forest managers and timber businesses comply with specific sustainability criteria and obtain the necessary certifications through the Timber Legality Verification System. 
Entities involved in forest management and timber production are required to prepare and submit annual reports detailing their activities. These reports should include information on the volume of timber harvested, the methods used, sustainability measures implemented and compliance with legal standards. Reports must be submitted to the Ministry Of Environment and Forestry. </t>
  </si>
  <si>
    <t>The Regulation aims to promote responsible forestry management and sustainable trade practices by enforcing strict legality and sustainability criteria for exported products. 
The Regulation mandates that companies exporting forestry products must obtain and maintain a Timber Legality Verification System certificate to ensure their products are sourced and processed legally.
The regulation also requires detailed documentation and records to demonstrate compliance with legal and sustainability standards, including annual reporting and supply chain traceability. Regular audits must be conducted to ensure ongoing adherence to these requirements. 
A 2017 amendment introduced specific changes to the original Regulation, including updates to the list of regulated products, modifications in the quality standards or testing procedures, and additional documentation or certification requirements for exporting certain forestry industry products.
The amended Regulation states that "forestry industrial products" (materials and goods derived from the management and processing of forest resources) can only be exported after a verification or technical investigation is conducted.
This involves verifying administrative validity, including registration certificates and appropriate documentation, as well as physical verification of the goods' quantity, type and technical criteria. Additionally, the surveyor must supervise container loading and apply a seal if all goods in the container are inspected.</t>
  </si>
  <si>
    <t xml:space="preserve">The Regulation applies to: 
i) entities which hold a business permit for utilisation of timber forest products for ecosystem restoration in natural forests 
ii) entities which process wood products such as sawn wood, veneer and chips
iii) entities involved in transporting timber forest products 
iv) employees of entities involved in the transportation of timber who are qualified as technical personnel for sustainable production forest management </t>
  </si>
  <si>
    <t>The Sustainability Standards Board of Japan (SSBJ) Standards</t>
  </si>
  <si>
    <t>The Law aims to combat illegal logging and promote the use of sustainable and legally sourced timber within the Japanese market. Businesses involved in the distribution and sale of wood products are required to ensure that the timber is legally harvested. Companies must also verify the legality of their wood sources and maintain proper documentation to prove compliance. Enforcement includes authorities conducting audits and inspections to ensure adherence to legal standards.
There have been a number of amendments to the law:
- Order No. 342 (2023): Timber-related businesses must collect information on raw materials to confirm that the timber is not illegal logged. The information shall include the following: name of tree species; logging area; domestic logging notification or logging certificate issued by an overseas government.
- Law No. 22 (2023): Upstream wood-related businesses and wood-related importers above a certain size will be required to make annual reports. 
- Ordinance No.3 (2024): Introduces revised definitions for timber-related businesses, includes new wood products like doors, mandates new measures for ensuring legal timber use such as appointing responsible persons and creating policies, and requires verification of trading partners and enforce record-keeping for five years.</t>
  </si>
  <si>
    <t>The law primarily applies to "wood-related business entities," which are defined as businesses that handle wood and wood products at any point in the supply chain. This includes businesses involved in importing, processing, distributing and selling wood and wood products.</t>
  </si>
  <si>
    <t>Main market listed issuers with a market capitalisation of RM2bn or more: reporting for financial years ending (FYE) on or after 31 December 2025
Other main market listed issuers: reporting for FYE on or after 31 December 2026
ACE market listed corporations: reporting for FYE on or after 31 December 2027</t>
  </si>
  <si>
    <t>Draft Memorandum Circular on revised sustainability reporting guidelines for publicly listed companies, October 2023</t>
  </si>
  <si>
    <t>In December 2024, the Hong Kong government published a Roadmap setting out plans to require large publicly accountable entities to adopt the ISSB Standards by no later than 2028. Since the Roadmap, the government issued HKFRS S1 and S2 which are fully aligned with the ISSB standards. HKFRS1 and 2 are expected to be effective from 1 August 2025.
From 1 January 2025, Main Board issuers are required to disclose against new climate-related disclosure modelling on IFRS S2 on a comply-or-explain basis. Large cap issuers are required to do the same from 1 January 2026.
In 2027, HKEX will consult on mandating reporting in accordance with the HKFRS1 and HKFRS2 which are expected to apply to large cap issuers from 1 January 2028. Relevant financial regulators will require non-listed financial institutions carrying a significant weight in Hong Kong to apply HKFRS1 and HKFRS2 no later than 2028.</t>
  </si>
  <si>
    <t xml:space="preserve">The Announcement aims to protect employees' rights and liberties and prevent forced labour activities in business premises, factories or vehicles.
It requires owners and operators to provide annual training to employees on human trafficking prevention, allow employees to communicate with external parties during working hours, and report to authorities if human trafficking or forced labour is suspected. Additionally, it mandates that owners and operators cooperate with authorities when inspections are required.
</t>
  </si>
  <si>
    <t xml:space="preserve">All employers, business operators and/or business owners operating any of the following premises must comply with key measures for the prevention and suppression of human trafficking:
i. entertainment spots under the Entertainment Spot Act B.E. 2509 (1966);
ii. hotels under the Hotel Act B.E. 2547 (2004);
iii. residential buildings;
iv. dormitories under the Dormitory Act B.E. 2558 (2015);
v. factories under the Factory Act B.E. 2535 (1992); and
vi. foreign vessels or vessels under the Navigation in Thai Waters Act, B.E. 2456 (1913). 
</t>
  </si>
  <si>
    <t>No source available for the proposed legislation yet but see https://www.walkfree.org/news/2025/thailand-to-introduce-mandatory-supply-chain-due-diligence-law/</t>
  </si>
  <si>
    <t>Specific reporting frequency or intervals required may vary according to the requirements set forth by the Ministry of Agriculture and Rural Development.</t>
  </si>
  <si>
    <t>The law aims to combat illegal logging and ensure the sustainable use of forest resources. It requires all entities involved in forest product supply chains to maintain detailed records and provide traceability information. Compliance is seen as critical to safeguarding Vietnam’s forest ecosystems and promoting responsible forest management practices.
Reports made must typically include detailed information on the quantity, types, origin and legality of forest products. Entities must provide verifiable data that demonstrates compliance with legal and sustainable harvesting practices, along with traceability records from the point of harvest to final sale.
This may also involve documentation such as harvest permits, transportation documents, and sales records to ensure transparency and traceability.</t>
  </si>
  <si>
    <t>The law applies to all entities involved in forest product supply chains. This includes forest owners, logging companies, timber traders, wood processing enterprises, exporters and transporters.</t>
  </si>
  <si>
    <t>Corporate Sustainability Due Diligence (CSDDD), Directive (EU) 2024/1760</t>
  </si>
  <si>
    <t xml:space="preserve">The CSDDD requires companies to identify, prevent, mitigate and account for adverse human rights and environmental impacts in their operations and supply chains. 
In-scope companies will need to adopt and implement effective due diligence policies for identifying, preventing, mitigating and bringing to an end actual and potential human rights and environmental harms in their own operations, those of their subsidiaries and business partners, in relation to their "chain of activities" (i.e., specific parts of the value chain, depending on whether the company is providing products or services). They will also be required to adopt and put into effect a transition plan for climate change mitigation aligned with the Paris Agreement's objective of limiting global warming to 1.5°C and the EU's goal of reaching climate neutrality by 2050.
On 26 February 2025, the EU Commission issued an Omnibus directive proposing to simplify CSDDD. Via a separate 'Stop-the-Clock' directive which was adopted on 14 April 2025 as part of the same Omnibus package, member states have been given one additional year, until 26 July 2027, to implement the CSDDD into national law and the first compliance deadline for the very largest companies has been deleted – these changes were agreed between the institutions in early April 2025 and must be implemented by member states by 31 December 2025. Proposed substantive changes would: reduce the scope of due diligence to first tier business partners in most cases; reduce the frequency of monitoring of diligence; and removes the obligation on member states to impose civil liability under CSDDD, except to provide for follow-on damages where a successful regulatory prosecution has taken place.
</t>
  </si>
  <si>
    <t>EU companies: 
- 1,000 employees and €450m of worldwide turnover
Non-EU companies:
- €450m of EU turnover</t>
  </si>
  <si>
    <t xml:space="preserve">Target companies are those who fulfil two of the following criteria:
- net turnover of €50m; 
- balance sheet assets of over €25m;
- more than 250 employees
The Omnibus proposes that the employee count requirement be increased to more than 1,000 employees. This would reduce companies in scope by roughly 80% and aligns more closely with the CSDDD’s scope.
</t>
  </si>
  <si>
    <t>All businesses placing batteries onto the EU market or putting batteries into service within the EU, including importers
Economic operators with less than €40m of net turnover (on an individual or group basis) are not subject to due diligence requirements.</t>
  </si>
  <si>
    <t>Deforestation Regulation (EU) 2023/1115 (EUDR)</t>
  </si>
  <si>
    <t>Operators and traders who place or make available relevant commodities and products on the EU market or export them from the EU. This includes businesses dealing with products such as soy, palm oil, wood, cocoa, coffee and their derived products, as further specified in Annex I.</t>
  </si>
  <si>
    <t xml:space="preserve">The Conflict Minerals Regulation (EU) 2017/821 establishes due diligence obligations for EU importers of tin, tantalum, tungsten, their ores, and gold sourced from conflict-affected and high-risk areas. 
The regulation aims to break the link between the mineral trade and conflict funding by requiring importers to comply with supply chain due diligence standards. This involves identifying and addressing risks related to human rights abuses, conflict financing and other serious issues in their supply chains. 
The regulation seeks to promote responsible sourcing practices and improve the transparency and accountability of mineral supply chains.
A 2020 amendment required importers to provide annual reports on their supply chain due diligence practices, including information on the steps taken to identify and address risks in their supply chains. The reports must be made publicly available and submitted to the relevant competent authorities in the member states for review and compliance verification.
The supplementary Regulation (EU) 2019/429 establishes a standardised methodology and criteria for assessing and recognising due diligence schemes related to the sourcing of tin, tantalum, tungsten and gold. This supports implementation of the Conflict Minerals Regulation. </t>
  </si>
  <si>
    <t xml:space="preserve">Regulation - 2017/821 - EN - EUR-Lex
</t>
  </si>
  <si>
    <t>Regulation (EU) 2024/3015 completely bans the placement on the EU market, sale or export of any product made entirely or partially using forced labour, applying to all stages of production, including extraction, harvest, manufacturing and distribution, regardless of where the forced labour occurred. It entered into force on 13 December 2024 and will apply from 14 December 2027.
Essentially, any company operating within the EU is prohibited from selling products linked to forced labour, with enforcement mechanisms in place to ensure compliance, focused on the customs location/point of import. 
Key to the operation of the regime will be a database of forced labour risk areas and products that the EU Commission is to establish. The database will provide regularly updated information on forced labour risks in specific geographic areas and with respect to specific products or product groups. It will not publicly disclose information that names economic operators directly.</t>
  </si>
  <si>
    <t>Regulation (EC) No. 2368/2002 establishes the legal framework for implementing the Kimberley Process Certification Scheme (KPCS) in the European Union, aimed at preventing the trade in conflict diamonds. 
It mandates that only rough diamonds accompanied by a valid Kimberley Process certificate can be imported into or exported from the EU. The regulation sets out detailed procedures for the issuance, validation and verification of these certificates, as well as for the control of rough diamond shipments. This helps to ensure that the diamond trade does not finance armed conflict and that it adheres to international standards for legality and transparency.
An amendment (Regulation (EU) 2020/130) was made in 2020 which updated the addresses of the competent authorities of several participant countries and added to the list of Annex II a number of countries, including the Macao Special Administrative Region of the People’s Republic of China.
A further amendment (Regulation (EU) No. 2022/1359) was made in 2022. This required that companies involved in the trade of rough diamonds must keep detailed records of their transactions and provide information on import and export activities. Reporting requirements typically involve submitting annual reports to the competent authorities. Additionally, customs authorities must report on the issuance and verification of Kimberley Process certificates.</t>
  </si>
  <si>
    <t xml:space="preserve">Set by member states </t>
  </si>
  <si>
    <t>The Voluntary Partnership Agreement between the EU and Côte d’Ivoire aims to ensure timber products imported into the EU are legally produced, supporting sustainable forest management and trade. 
It establishes a Forest Law Enforcement, Governance and Trade licensing scheme (an initiative by the European Union to combat illegal logging) to verify legality, with licences issued by Côte d’Ivoire's authorities. 
The Agreement includes measures for verifying legal timber, requiring compliance with Ivorian laws, and involves cooperation and dialogue between the parties. The system aims to prevent illegal timber from entering the supply chain and promotes transparency.</t>
  </si>
  <si>
    <t>Companies and individuals involved in the harvesting, processing and exporting of timber and timber products from partner countries such as Côte d’Ivoire</t>
  </si>
  <si>
    <t>The VPA between the EU and Honduras aims to ensure that timber and timber products exported to the EU are legally sourced and comply with Honduran laws. 
This agreement establishes a FLEGT licensing scheme to verify the legality of timber products. It strengthens forest governance, combats illegal logging and promotes trade of legal timber. The VPA also involves capacity building, multi-stakeholder participation and transparency measures to enforce and monitor compliance.
Entities involved in the timber trade must regularly report on compliance with legal sourcing requirements and the execution of the FLEGT licensing scheme. Reporting frequency is usually annual but can include more frequent submissions for monitoring purposes, as detailed in the agreement's implementation procedures.</t>
  </si>
  <si>
    <t>The target entities include timber producers, processors and exporters in Honduras, as well as EU importers of Honduran timber products.
Additionally, it involves Honduran regulatory authorities and EU enforcement agencies monitoring compliance.</t>
  </si>
  <si>
    <t>The VPA aims to ensure that timber and timber products exported from Guyana to the EU are legally sourced and comply with Guyanese laws. It establishes a FLEGT licensing scheme to verify the legality of timber products and involves capacity building, stakeholder engagement and transparency measures for effective implementation. 
The Agreement seeks to improve forest governance, combat illegal logging and promote sustainable forest management. It also involves cooperation between the EU and Guyana to facilitate trade in legally verified timber products.
The VPA includes reporting obligations. Entities involved in the timber trade must regularly report on compliance with legal sourcing requirements and the execution of the FLEGT licensing scheme. Reporting frequency is usually annual but can include more frequent submissions for monitoring purposes, as detailed in the agreement's implementation procedures.</t>
  </si>
  <si>
    <t>The target entities include timber producers, processors and exporters in Guyana, as well as EU importers of Guyanese timber products.
Additionally, it involves Guyanese regulatory authorities and EU enforcement agencies monitoring compliance.</t>
  </si>
  <si>
    <t>Austria's draft resolution for a Supply Chain Due Diligence Act, proposed in March 2021, aims to enforce corporate responsibility in global supply chains by mandating human rights and environmental due diligence.
Companies are required to identify, prevent, mitigate and account for human rights and environmental risks and impacts in their operations and supply chains. The draft includes obligations for documenting and reporting due diligence efforts, with oversight by designated authorities. Non-compliance can result in significant penalties, including fines and potential exclusion from public procurement.
This draft overlaps with CSDDD.</t>
  </si>
  <si>
    <t>In 2017, France became the first country in the world to adopt a law requiring large companies to carry out human rights and environmental due diligence in their supply chains and publish a “vigilance plan” annually. 
Under the Duty of Vigilance Law, in-scope companies are required to establish and implement an effective vigilance plan to identify and prevent risks of infringements to human rights, breaches of fundamental freedoms, violations of the health and safety rights of people, environmental damage and passive or active corruption, which may result directly or indirectly from a company’s activities and business relations. 
The vigilance plan must set out adequate measures, including:
a risk assessment and planning programme to help identify, analyse and prioritise risks
a method for regular assessment of the compliance status of subcontracting companies across the whole supply chain (affiliates, subcontractors, suppliers etc.)
appropriate actions to attenuate risks and prevent serious offences
a whistleblowing mechanism for gathering reports relating to the existence or likelihood of risks
a system to monitor the measures implemented and evaluate their efficacy
Breaching the Duty of Vigilance Law can lead to consequences including:
injunctions and fines
civil liabilities
reputational damage
legal and administrative costs</t>
  </si>
  <si>
    <t>The Act applies to companies that have their head office, principal place of business, administrative seat, statutory seat or a branch office in Germany and usually employ at least 1,000 employees, including temporary workers assigned for more than six months and employees of affiliated companies.</t>
  </si>
  <si>
    <t xml:space="preserve">The Bill sought to mandate transparent reporting by businesses on the risks of labour exploitation and human trafficking within their supply chains and own operations. 
Companies with turnover above a certain threshold were to be required to annually prepare and publish a labour exploitation and trafficking statement outlining the steps they have taken to prevent such activities or stating if no steps were taken. This statement may have included details such as the company's structure and policies, due diligence processes, risk assessments and training initiatives related to labour exploitation and trafficking. 
The statement was to have been approved by the company and published in a mandated format.
This Bill lapsed with the dissolution of the Dáil in November 2024. There is a possibility that it will be re-introduced during the next parliamentary session. 
</t>
  </si>
  <si>
    <t>The specific turnover threshold for compliance was to have been set through regulations made by the Minister.</t>
  </si>
  <si>
    <t>The Law applies not only to companies registered in the Netherlands, but also to companies from anywhere in the world that deliver products or services in the Dutch market twice or more a year.</t>
  </si>
  <si>
    <t xml:space="preserve">The Law mandates companies to identify and address child labour in their supply chains. Dutch companies or those supplying products or services to Dutch consumers must investigate whether child labour occurs at any stage of their supply chain. They are required to submit annual declarations to a regulatory body affirming these due diligence steps. Non-compliance can result in fines and potential criminal charges.
The effective date of the law is to be determined by royal decree. In view of the introduction of the CSDDD, the law is expected to be repealed. </t>
  </si>
  <si>
    <t xml:space="preserve">The law would apply to companies that conduct activities outside the Netherlands and meet the criteria of being large enterprises. 
Following the OECD Guidelines, companies must meet at least two of the following criteria:
- Revenue above €40m 
- A balance sheet larger than €20m
- At least 250 employees </t>
  </si>
  <si>
    <t xml:space="preserve">Same as the CSDDD. </t>
  </si>
  <si>
    <t>On 18 November 2024, the Dutch Ministry of Foreign Affairs proposed the International Corporate Responsibility Draft Act to implement the EU CSDDD into Dutch law. 
The Act requires companies operating in the Netherlands that meet certain size and turnover thresholds to conduct human rights and environmental due diligence and adopt climate transition plans. 
It applies to both Dutch and non-EU companies with significant EU operations and includes provisions for supervision and enforcement by the Netherlands Authority for Consumers and Markets (ACM), with penalties up to 5% of global net turnover. 
The Act will come into effect on 26 July 2026, with phased compliance obligations for different company sizes, and will replace the Child Labour Due Diligence Act.</t>
  </si>
  <si>
    <t>The Act promotes sustainable products and value chains for products that contribute to resource-efficient and sustainable production and consumption for products in a circular economy.
The Act empowers the King to issue regulations to meet European Economic Area legal obligations on sustainability requirements for various products, including batteries, vehicles, plastics and textiles. It provides the authority to establish additional rules related to supply chain due diligence, product sustainability information, waste management, import/export restrictions, and product design and performance standards. 
Companies must provide documentation and detailed information on the sustainability aspects of their products, including:
- design and composition
- environmental impact (e.g., energy efficiency and climate footprint)
- use of recycled materials
- durability, reparability and recyclability
This information must be readily available to both authorities and consumers, promoting transparency and informed decision-making.</t>
  </si>
  <si>
    <t>Provenance, Circulation, Commercialisation and Storage of Wood Materials, Roundwood Processing Facilities and Private Use of Wood by the Owner, Rules, 2020</t>
  </si>
  <si>
    <t>The rules establish obligations to ensure the legality and traceability of wood materials throughout their lifecycle. They mandate comprehensive documentation and reporting requirements for entities involved in the production, processing, distribution and storage of timber. 
The rules include implementing a timber traceability system for real-time tracking and reporting to combat illegal logging. Compliance with these rules is enforced to promote sustainable forest management and transparent commercial practices in the wood industry.</t>
  </si>
  <si>
    <t xml:space="preserve">The Russian Forestry Code establishes a framework for the management, use and protection of forests in Russia. It defines the responsibilities of federal, regional and local authorities, outlines the rules for forest utilisation, and emphasises sustainable forestry practices and conservation. The Code also regulates activities such as logging, reforestation and fire prevention, ensuring the sustainable development of forest resources.
Entities engaged in the use of timber, such as logging companies, must submit annual reports detailing the volume of timber harvested, species composition and other relevant information. These reports help monitor compliance with approved forest use plans and ensure sustainable practices.
</t>
  </si>
  <si>
    <t xml:space="preserve">Target entities under the Code include companies and individuals who are granted forest plots for permanent (unlimited) use, gratuitous use or rent. </t>
  </si>
  <si>
    <t>This draft law aims to ensure that companies respect human and environmental rights throughout their global value chains by introducing due diligence mechanisms, thus providing legal certainty and preventing unfair competition. 
It mandates that Spanish transnational companies and those operating in the Spanish market adopt plans to prevent, mitigate and remedy human and environmental rights violations. The bill also involves the participation of unions and non-profits in implementing and supervising these measures, and establishes a system of sanctions for non-compliance. 
Additionally, it guarantees access to justice for affected individuals and communities, mandates transparency regarding companies' activities, and supports the implementation of the 2030 Agenda and Sustainable Development Goals.</t>
  </si>
  <si>
    <t xml:space="preserve">Sweden has appointed a special investigator to make recommendations for transposition of the CSDDD into Swedish law.
Among other things, the investigator shall:
- analyse the Directive;
- assess the extent to which Swedish law meets the requirements of the Directive
- take a position on which authority or authorities should act as the supervisory authority
- assess what constitutional amendments and other measures are needed to implement the Directive in Swedish law
- submit the necessary legislative proposals
The assignment must be reported no later than 16 December 2025. </t>
  </si>
  <si>
    <t xml:space="preserve">Not determined but likely to be the same as CSDDD (companies with more than 1,000 employees and €450m of worldwide turnover). </t>
  </si>
  <si>
    <t xml:space="preserve">All companies based in Switzerland. 
There is an exception for small companies (those with a balance sheet smaller than CHF 20m, sales revenue below CHF 40m or fewer than 250 employees for two consecutive business years). </t>
  </si>
  <si>
    <t>The law mandates that only legally harvested and marketed wood may be sold in Switzerland. Entities placing wood and wood products on the market for the first time must certify that they have undertaken due diligence, including providing information on the type of wood and its country of origin. 
Measures must be taken to mitigate the risk of illegal timber entering the market, and documentation proving the legality of the wood must be maintained. 
The 2019 amendment states that a specialised national service will oversee compliance, and violations of traceability requirements can result in fines of up to 20,000 francs; these changes took effect on 1 January 2022. 
Companies, especially those in industries that may significantly affect the environment, must conduct and report on environmental impact assessments. These assessments should analyse the potential environmental effects of their projects and operations and outline measures to mitigate negative impacts.</t>
  </si>
  <si>
    <t xml:space="preserve">The law prohibits the marketing of illegally harvested timber and derived products, aligning with the EU Timber Regulation No. 995/2010.
It mandates that operators placing wood or wood products on the Swiss market for the first time must implement a due diligence system to ensure legality, involving acquiring detailed information, conducting risk assessments and mitigating identified risks. This includes collecting data on the wood's origin, compliance evidence and supplier details, as well as evaluating factors like illegal harvesting prevalence and supply chain complexity. The due diligence system must be reviewed annually, and records maintained for five years.
The law is supported by a further ordinance prescribing declarations for operators. </t>
  </si>
  <si>
    <t>On 7 January 2025, the Swiss Federal Council published the popular initiative for Responsible Businesses – Protecting Human Rights and the Environment, proposing an amendment to the Swiss Constitution with a new Article 101a.
This initiative mandates large Swiss companies to exercise risk-based due diligence concerning human rights and environmental impacts in their business activities. Companies are also required to set and implement targets in line with international climate agreements, such as the Paris Agreement, to curb greenhouse gas emissions. The initiative is based on international guidelines and EU frameworks, and includes provisions for governmental support to assist companies in compliance, while sanctioning non-compliance based on turnover and potential liability for damages.</t>
  </si>
  <si>
    <t>Large Swiss companies - that is, those that have their headquarters, central administration or principal establishments in Switzerland. 
The definition of 'large' typically refers to companies that meet specific criteria regarding size, revenue or number of employees, similar to other international regulatory frameworks.</t>
  </si>
  <si>
    <t>This law introduces due diligence and transparency requirements related to non-financial reporting and supply chain due diligence on conflict minerals and child labour. It mandates that specific companies report annually on environmental, social, personnel, human rights and anti-corruption matters, with reports published electronically and accessible for at least 10 years. 
Companies with operations in Switzerland must also undertake supply chain due diligence if they deal in conflict minerals or have goods suspected of being produced with child labour, developing risk management plans and maintaining supply chain traceability. Compliance must be verified by an independent external expert, and annual reports on due diligence must be published in a national language or in English.</t>
  </si>
  <si>
    <t>Companies that, over two consecutive financial years, along with one or more controlled Swiss or foreign companies, exceed at least one of the following thresholds:
- balance sheet value larger than CHF 20m 
- annual turnover greater than CHF 40m 
However, companies are exempt from this obligation if they are controlled by another company that either meets the above criteria or is required to produce an equivalent report under foreign law.</t>
  </si>
  <si>
    <t xml:space="preserve">The Swiss Government has proposed an expansion of the current rules on reporting of non-financial information, in response to the EU's introduction of the CSRD. 
Covered entities must report on the following sustainability aspects:
- environmental factors, in particular with regard to achieving net zero greenhouse gas emissions by 2050
- social aspects, including employee concerns
- human rights aspects
- governance aspects, including organisational measures to combat corruption
In addition, the draft proposes to introduce an obligation to obtain independent, third-party verification for the reported sustainability information. The report must be prepared in a standardised electronic format that complies with an internationally used standard.
Entities would be able to choose between using the EU ESRS or an equivalent standard, expected to include ISSB sustainability standards.
In view of developments in the EU around its Omnibus proposals, the Swiss government is understood to be reconsidering this expansion of sustainability reporting. </t>
  </si>
  <si>
    <t>Companies meeting two of the following three thresholds of at least: 
- 250 employees
- CHF 25m total assets
- CHF 50m turnover</t>
  </si>
  <si>
    <t xml:space="preserve">Sustainability reporting became mandatory for companies and financial institutions exceeding the thresholds set in the Turkish Sustainability Reporting Standards (TSRS) as of 1 January 2024. 
The standards are mainly based on the ISSB sustainability standards, IFRS1 and IFRS2. TSRS consists of two sets of standards: (i) the General Provisions on Disclosure of Sustainability (TSRS 1) and (ii) Climate-related Financial Information (TSRS 2).
In September 2024, the Turkish Government issued a decision stating that sustainability reports would be subject to mandatory assurance with immediate effect (for the first mandatory reporting year, starting 1 January 2024). 
</t>
  </si>
  <si>
    <t>Companies that exceed two of the following thresholds in two consecutive reporting periods will be subject to the sustainability reporting under the TSRS:
- total assets of TL 500m
- annual net sales revenue of TL 1bn 
- a workforce of 250 employees</t>
  </si>
  <si>
    <t>The draft law aims to address illegal logging by enhancing criminal and administrative liability for such offenses. It seeks to align Ukrainian legislation with EU regulations, addressing the environmental and economic damages caused by illegal logging, such as biodiversity loss and habitat destruction. 
Key provisions include differentiating punishments based on the severity of the offense, with separate offenses for illegal logging, and actions related to the transportation, storage or sale of timber without proper documentation. It also empowers relevant authorities to issue administrative protocols and aims to improve prosecution for these violations without imposing additional financial burdens or corruption risks.</t>
  </si>
  <si>
    <t>Businesses or individuals involved in the transportation, storage, sale or purchase of timber who fail to provide or use proper documentation as required by law.</t>
  </si>
  <si>
    <t>Modern Slavery Act (UK MSA), 2015</t>
  </si>
  <si>
    <t xml:space="preserve">The MSA applies to large commercial organisations (UK or non-UK incorporated or registered corporate bodies and partnerships) that carry on a business or part of a business in the UK and have an annual turnover in excess of £36m. 
Turnover is calculated as the turnover of the entity carrying on a business in the UK, as well as that of any of its subsidiaries (including foreign subsidiaries). </t>
  </si>
  <si>
    <t>Yes - updated MSA guidance refers to both UNGPs and OECD Guidelines</t>
  </si>
  <si>
    <t>The Act sets ambitious environmental objectives that aim to halt species decline by 2030, clean up air and rivers, reform waste management and combat overseas deforestation. 
It includes long-term targets for improving air quality, biodiversity, water and waste, and introduces measures such as an Office for Environmental Protection, extended producer responsibility and new regulations on waste and recycling. 
Specific provisions also mandate that businesses using forest risk commodities in the UK must comply with relevant local laws and implement due diligence systems, with mandatory reporting to authorities.</t>
  </si>
  <si>
    <t>These Regulations were adopted while the UK was an EU member state and they have been amended to ensure their correct functioning after Brexit. See entry for the EU Timber Regulation.</t>
  </si>
  <si>
    <t>The proposed UKFRC Regulations seek to minimise deforestation by prohibiting businesses that come within their scope from using illegally produced forest-risk commodities, i.e. those which were produced in contravention of local laws in the country where the commodity was grown. The commodities proposed to be covered are currently: soy, cocoa, palm oil and cattle products (excluding dairy). However, this list may be amended or expanded. 
The UK government has suggested there will be a wide range of sanctions for contravention of the prohibition, including an unlimited financial penalty.
No formal draft text is available.</t>
  </si>
  <si>
    <t xml:space="preserve">The UKFRC regulations are expected to apply to businesses that carry on commercial activities in the UK and exceed a specified turnover threshold, proposed to be £50m; however, this may be amended.
There is expected to be an exception for businesses which technically fall within this regime but whose use of the specified commodities does not exceed an annual volume threshold (proposed to be 500 tonnes). </t>
  </si>
  <si>
    <t>The Financial Regulatory Authority issued Decision No. 107 to mandate companies listed on the Egyptian Stock Exchange and engaged in non-bank financial activities to disclose their ESG practices and the financial impacts of climate change. 
Required disclosures cover topics such as carbon emissions, waste management, gender diversity, workers' rights compliance, anti-bribery measures and adherence to data protection laws. The deadline for compliance was the end of 2022, with detailed performance indicators to be provided thereafter, aligning with international sustainability standards.</t>
  </si>
  <si>
    <t xml:space="preserve">Companies with issued capital or net equity of at least E£100m (for non-banking financial activities) or E£500m (for listed companies) must include these disclosures in their annual reports. </t>
  </si>
  <si>
    <t>Annually, to be submitted to the regulatory authority</t>
  </si>
  <si>
    <t>The regulations require gold refiners and other entities in the precious metals sector to implement robust due diligence measures to ensure that gold is sourced responsibly, particularly from conflict-affected and high-risk areas. 
The regulations align with the OECD's five-step framework, emphasising risk assessment, mitigation strategies and independent third-party reviews. Entities must adhere to these policies beginning 1 January 2023, with mandatory third-party reviews and periodic reporting to the Ministry of Economy. The aim is to strengthen compliance with anti-money laundering and combating the funding of terrorism laws, and reduce risks in the gold supply chain.
Entities must conduct a comprehensive review of their due diligence practices and submit annual reports to the Ministry of Economy detailing their adherence to the due diligence regulations.</t>
  </si>
  <si>
    <t xml:space="preserve">The regulations apply to 'regulated entities', which are defined as gold refineries which are Designated Non-Financial Businesses and Professions (DNFBPs). 
DNFBPs includes businesses involved in trading, dealing and refining precious metals and stones. The regulations are particularly focused on gold refiners, given the identified high level of risk within this sub-segment.
</t>
  </si>
  <si>
    <t>UNGPs and OECD</t>
  </si>
  <si>
    <t xml:space="preserve">The 2024 Fall Economic Statement announced the government’s intent to introduce new legislation, separate from the Fighting Against Forced Labour and Child Labour in Supply Chains Act, which will require government entities and businesses to: 
-analyse their international supply chains for risks to fundamental labour rights, and 
- take action to resolve these risks. 
No further details are available at present. </t>
  </si>
  <si>
    <t xml:space="preserve">Expected to be government entities and businesses in Canada. </t>
  </si>
  <si>
    <t>California’s Transparency in Supply Chains Act was one of the first pieces of legislation focused on modern slavery and human trafficking in supply chains. It was introduced in 2010 to encourage corporate disclosure of efforts to eliminate human trafficking from supply chains. The law requires large retail businesses in California to disclose the policies, if any, they have put in place to address human trafficking in their supply chains. 
The disclosures must include the company’s efforts in the following areas:
- Verification: Evaluating and addressing risks of human trafficking and modern slavery within a product’s supply chain
- Audits: Conducting supplier audits to evaluate compliance with the company’s standards on human trafficking and modern slavery
- Certification: Direct suppliers must certify that the creation of a product complies with human trafficking and modern slavery laws in the US and those of the direct supplier’s country
- Internal accountability: Establishing internal standards and procedures for employees and contractors who fail to meet company standards on human trafficking and modern slavery
- Training: Providing human trafficking and modern slavery training for employees that oversee supply chain management</t>
  </si>
  <si>
    <t xml:space="preserve">A company must meet three criteria to be subject to the law. It must: 
- identify itself as a retail seller or manufacturer in its tax returns
- carry out business in California
- have annual worldwide gross receipts exceeding US$100m. </t>
  </si>
  <si>
    <t>This law prohibits state contracts with companies that use commodities produced by forced labour. All competitive solicitations and contracts must include a notice about these requirements and a provision allowing the agency to terminate the contract if the company is placed on the forced labour vendor list, starting 1 July 2024. The Department of Management Services is required to create and maintain a list of forced labour vendors of disqualified companies for 365 days, updating it quarterly.
The law also includes provisions for penalties and investigation procedures for suspected violations.</t>
  </si>
  <si>
    <t>Entities doing business in New York and with US$100m annual gross receipts relating to relevant fashion products</t>
  </si>
  <si>
    <t>The Act, commonly known as the Dodd-Frank Act, directly impacts companies that manufacture goods using 'conflict minerals' such as columbite-tantalite, cassiterite, gold, wolframite and their derivatives, linked to financing armed groups in the Democratic Republic of the Congo (DRC) or adjoining countries. 
Section 1502 requires the Securities and Exchange Commission (SEC) to mandate annual disclosures by companies that use these minerals, detailing their origin and the due diligence measures taken, including independent audits. In August 2012, the SEC adopted a final rule to s.1502 requiring that issuers file for the same period — a calendar year — regardless of when their fiscal year ends. 
The final rule also mandated that companies using tantalum, tin, gold, or tungsten necessary for their products must disclose this on Form SD, filed with the SEC. The first disclosure was due on 31 May 2014, for the 2013 calendar year, with annual filings required every May 31 thereafter. 
Companies must also describe products that are not DRC conflict-free, meaning they do not finance or benefit armed groups in the region.</t>
  </si>
  <si>
    <t xml:space="preserve">The Act applies to: 
i) entities that manufacture products in which conflict minerals are necessary to the production of the product. This includes the production of components, finished products and other goods that incorporate these minerals.
ii) entities that use specific materials (coltan, tin, gold, wolframite and any other mineral determined by the Secretary of State to be financing conflict in the DRC or an adjoining country
iii) entities with supply chains linked to the DRC or to adjoining countries (listed as Angola, Burundi, the Central African Republic, the Republic of Congo, Rwanda, South Sudan, Tanzania, Uganda and Zambia) 
</t>
  </si>
  <si>
    <t>The purpose of the act is to prohibit the import of goods produced with forced labour from the Xinjiang Uyghur Autonomous Region of China.
Section 3 establishes a rebuttable presumption that goods mined, produced or manufactured in the Xinjiang Uyghur Autonomous Region of China, or by certain listed entities, are prohibited from importation into the United States under section 307 of the Tariff Act of 1930. 
This presumption means such goods are presumed to be made with forced labour and are not allowed entry into US ports. 
Exceptions to this presumption can only be made if the importer fully complies with the relevant guidance and regulations, responds comprehensively to all inquiries from US Customs and Border Protection, and provides clear and convincing evidence that the goods were not made with forced labour. The aim is to prevent the importation of goods produced with forced labour and ensure compliance with US law.
Importers are required to provide comprehensive documentation and responses to US Customs and Border Protection to demonstrate that goods imported from the Xinjiang Uyghur Autonomous Region or certain listed entities are not produced with forced labour.</t>
  </si>
  <si>
    <t>All companies and individuals that import goods, articles or merchandise into the US that are mined, produced or manufactured wholly or in part in the Xinjiang Uyghur Autonomous Region of China.</t>
  </si>
  <si>
    <t>Companies and individuals that import goods, wares, articles or merchandise that are mined, produced or manufactured wholly or in part in the XUAR.</t>
  </si>
  <si>
    <t>The Bill seeks to amend the Securities Exchange Act of 1934 by adding a requirement for issuers to disclose specific business activities in their annual or quarterly reports. 
The amendment would mandate reporting whether the issuer does business in or with China, entities owned or operated by the Chinese Communist Party, or any country that invades or annexes another nation unprovoked after 24 March 2022.
Additionally, issuers must disclose if their supply chains involve the forced labour of Uyghurs. This amendment aims to increase transparency regarding issuers' business practices and supply chain ethics.</t>
  </si>
  <si>
    <t xml:space="preserve">Annually/quarterly </t>
  </si>
  <si>
    <t xml:space="preserve">Foreign companies that have securities listed on US stock exchanges and are thus subject to US securities disclosure requirements, especially if they have business dealings with China. </t>
  </si>
  <si>
    <t xml:space="preserve"> Implementing the Kimberley Process Certification Scheme (KPCS) and Consent for Import and Export of Rough Diamonds, Resolution No. 106</t>
  </si>
  <si>
    <t>The reporting requirements under the KPCS typically mandate that participating countries submit their statistical data on a regular basis, commonly quarterly and annually.
Quarterly reports: Participants are generally expected to submit data on the import and export of rough diamonds every three months. This ensures that the Kimberley Process Secretariat and other parties have timely access to the latest trade information.
Annual reports: In addition to quarterly reports, an annual summary report is usually required. This report compiles the year’s data and can provide a more comprehensive overview of rough diamond trade activities.</t>
  </si>
  <si>
    <t>Brazil's Securities and Exchange Commission (CVM) and Ministry of Finance published Resolutions 217, 218 and 219 in November 2024. These regulations set out that public companies in Brazil must make sustainability and climate-related disclosures from 1 January 2026. The standards are aligned with ISSB sustainability standards IFRS S1 and S2.
Voluntary reporting began in 2024. From 2027, sustainability reporting will be required within three months after the end of the fiscal year or simultaneously with the release of financial statements, whichever occurs first.</t>
  </si>
  <si>
    <t xml:space="preserve">Entities with consolidated assets of more than UF 1m (on average over the past two years).
</t>
  </si>
  <si>
    <t xml:space="preserve">Section 414C of the Companies Act requires the strategic report of a company to include a non-financial and sustainability statement. At present, this requires information about: 
(i) environmental matters (including the impact of the company's business on the environment),
(ii) the company's employees, and
(iii) social, community and human rights issues.
In future it is expected that the statement will include mandatory disclosures in line with ISSB sustainability standards IFRS S1 and S2. </t>
  </si>
  <si>
    <t>On 3 April 2025, the Chilean Senate introduced a proposal to regulate corporate due diligence in relation to human rights, environmental protection and climate change.
The purpose of the initiative is to strengthen the role of companies in respecting and promoting human rights and the environment by identifying risks and harms, both direct and indirect, and by reinforcing measures for prevention, remediation and monitoring, among other areas.
It established that companies have an obligation to exercise due diligence in compliance with and respect for human rights, the environment and climate change. To do so, they must prepare an annual report containing at least the following elements:
(i) identification of actual and potential harms to human rights and the environment caused directly or indirectly by the company, its subsidiaries or business partners;
(ii) development of protocols to prevent discrimination, violence, child labour, forced labour, human trafficking and other violations across their operations and value chains;
(iii) measures to promote safe and healthy working conditions for employees, users and communities where the company operates;
(iv) establishment of protocols and budgeting for the prevention, mitigation and/or remediation of violations;
(v) adoption of a climate transition plan to mitigate climate-related impacts;
(vi) creation of internal mechanisms for damage prevention, secure reporting and monitoring of commitments, with worker participation;
(vii) other requirements as determined by the authorities.
The report must be submitted each December to the Interministerial Committee on Business and Human Rights, the Ministry of Justice and Human Rights, the Ministry of Labour and Social Welfare, the High Labour Council, and the Human Rights Institute. It must also be published on the company's website.</t>
  </si>
  <si>
    <t>If approved, this regulation will apply to large companies, defined as those with 200 or more employees, annual revenues or purchases of at least UF 60,000, equity of at least UF 300,000, or parent companies whose subsidiaries collectively meet these thresholds.</t>
  </si>
  <si>
    <t xml:space="preserve">The OECD Guidelines for Multinational Enterprises on Responsible Business Conduct are recommendations addressed by governments to multinational enterprises operating in or from adhering countries. 
They provide non-binding principles and standards designed to enhance the business's contribution to sustainable development and address adverse impacts associated with business activities on people, the planet and society. The OECD Guidelines are the only multilaterally agreed and comprehensive code of responsible business conduct that governments have committed to promoting. 
Recent key updates, made in June 2023, include alignment with international goals on climate change and biodiversity, due diligence expectations in relation to technology, and recommendations relating to products and services, corruption, lobbying and transparency. </t>
  </si>
  <si>
    <t>Securities and Exchange Board of India (SEBI) (BRSR Core – Framework for assurance and ESG disclosures for value chain) 2021</t>
  </si>
  <si>
    <t xml:space="preserve">The underlying National Action Plan serves as general guidance to prevent and address human rights violations involving business operators, outlining prevention, handling, resolution and remediation processes. 
The Regulation mandates that the Indonesian Human Rights Commission conducts human rights assessments on businesses, focusing on their internal and due diligence policies, and establishes a periodic reporting mechanism to verify their commitment to human rights. The frequency of such reports is not detailed in the Regulation. 
</t>
  </si>
  <si>
    <t xml:space="preserve">The Regulation requires forest managers and permit holders to perform timber cruising, test measurements and label round wood with barcodes, before reporting production results monthly. 
Timber can only be cut and non-tax revenue paid once a production results report (LHP) is finalised, and the timber must be transported with a certificate of legality of timber forest products (SKSHHK). The SKSHHK ensures legality of the wood, mandates one-time transportation, and is managed alongside other required certificates through the Forest Product Management Information System.
In-scope entities are required to prepare and submit a LHP each month as part of their compliance with the Regulation. </t>
  </si>
  <si>
    <t>The SSBJ issued its sustainability disclosure standards on 5 March 2025. The SSBJ Standards incorporates key elements of the ISSB Standards IFRS S1 and S2.
Prime-listed companies have been given a two-year voluntary compliance period before disclosure becomes mandatory from March 2027. Once mandatory, all listed companies in Japan will be required to disclose sustainability-related information on strategy, metrics and targets, governance and risk management. Non-listed companies may make disclosures under the SSBJ Standards voluntarily.</t>
  </si>
  <si>
    <t>Sustainability reporting was introduced to SGX-listed issuers on a voluntary basis in 2011. It was made mandatory in 2016 with description of the primary components of a sustainability report on a comply-or-explain basis. 
From financial year 2025, all listed issuers will be required to report Scope 1 and Scope 2 greenhouse gas emissions in accordance with the requirements under IFRS S2. In addition, disclosures of other primary components of a sustainability report will be mandated from financial year 2026. 
Such primary components include:
i. material ESG factors;
ii. policies, practices and performance;
iii. targets;
iv. a sustainability reporting framework; and
v. a board statement and associated governance structure for sustainability practices.</t>
  </si>
  <si>
    <t xml:space="preserve">The Act aims to ensure that all timber and wood products in the market are sourced responsibly and sustainably, contributing to the protection of forests and the prevention of illegal logging. 
In-scope entities are required to maintain records and submit periodic reports to relevant authorities, such as the Korea Forest Service (KFS), or other designated government bodies (Article 37). The Act does not specify how often reports are required. 
A 2020 amendments establish a procedure for objecting to inspection results of timber or wood products. 
A 2023 amendment aims to block illegally harvested timber and strengthen supply chain management by expanding the product groups subject to the legal timber trade promotion system from six to nine, including new product codes for comprehensive verification prior to customs clearance.
</t>
  </si>
  <si>
    <t>The Act requires large Norwegian companies and certain foreign companies doing business in Norway to regularly carry out due diligence for the entire supply chain of the company in accordance with the OECD Guidelines for Multinational Enterprises and make reports available for the general public. 
The 2023 amendment increased fines for non-compliance by up to four per cent of the trader's annual turnover or up to NOK 25 million (whichever sum is higher). 
When calculating the fines, factors such as the severity, extent and duration of the infringement, recurrence, cooperation and other aggravating or mitigating factors shall be taken into account.</t>
  </si>
  <si>
    <t>UK Forest Risk Commodities (UKFRC) Regulations</t>
  </si>
  <si>
    <t xml:space="preserve">Canada’s Act requires in-scope companies to report to the Minister of Public Safety and Emergency Preparedness on the steps taken during the previous financial year to prevent and reduce the risk that forced labour or child labour is used in the entity’s business or supply chain. 
Disclosures need to be made on or before 31 May each year and, in addition to being available on a prominent location on the entity or government institution’s website, reports – which must not exceed 10 pages – will be maintained on a publicly available register maintained by the minister. The Act states that the report must cover the risks “at any step of the production of goods”. This includes the supply chains of items imported into Canada. 
Entities meeting both the threshold and connection test and the activities test are obliged to report. </t>
  </si>
  <si>
    <t>The regulation applies to companies that past both a threshold test:
1: any company listed on a Canadian stock exchange, or
2: companies that have a place of business, do business, or have assets, in Canada and meet two or more of the following conditions for at least one of its two most recent financial years: 
- have at least C$20m in assets or 
- have generated at least C$40m in revenue or 
- employ at least 250 employees
And an activities test:
3. Produce, sell, distribute or import into Canada, or control an entity which does so.</t>
  </si>
  <si>
    <t>The KPCS is an international initiative aimed at preventing the trade in conflict diamonds, involving participation from governments, civil society and the diamond industry.
In Brazil, compliance with the Kimberley Process is integrated into national law and regulations. This means Brazil has enacted domestic legislation and regulatory frameworks to ensure that its diamond trade is in line with the requirements of the KPCS. These national measures regulate the import, export and internal trade of diamonds to ensure that only certified, conflict-free diamonds are traded.
This Resolution regulates: the issuance of Kimberley Process Certificates (CPK) for export; the import and export of rough diamonds; the National Register of Diamond Trade (CNCD) and the Commercial Transactions Report (RTC) within the National Mining Agency. 
It provides that the export of rough diamonds is only permitted after the issuing of a CPK and the import of rough diamonds can only be carried out after prior consent of the National Mining Agency has been obtained.</t>
  </si>
  <si>
    <t>The KPCS is an international initiative aimed at preventing the trade in conflict diamonds, and it involves participation from governments, civil society, and the diamond industry.
In Brazil, compliance with the Kimberley Process is integrated into national law and regulations. This means Brazil has enacted domestic legislation and regulatory frameworks to ensure that its diamond trade is in line with the requirements of the KPCS. These national measures regulate the import, export, and internal trade of diamonds to ensure that only certified, conflict-free diamonds are traded.
This Resolution regulates: the issuance of Kimberley Process certificates (CPKs) for export; the import and export of rough diamonds; the National Register of Diamond Trade; and the Commercial Transactions Report within the National Mining Agency. 
It provides that the export of rough diamonds is only permitted after the issuing of a CPK and the import of rough diamonds can only be carried out after prior consent has been obtained from the National Mining Agency.</t>
  </si>
  <si>
    <t>The Chilean Financial Market Commission published regulations making reporting under ISSB sustainability standards IFRS S1 and S2 mandatory as of 1 January 2026, with the first reports due in January 2027.
Entities who do not meet the reporting threshold do not need to prepare reports in line with the ISSB standards, although they can do so voluntarily.</t>
  </si>
  <si>
    <t>This circular imposes an obligation for in-scope companies to report on their business activities, practices, sustainability risks, and impacts on ESG issues in a transparent manner.
Companies must implement a due diligence process that enables them to verify the veracity, credibility and transparency of the information presented in the report. Companies must also designate a person responsible for the preparation and verification of the sustainability report. Companies are encouraged to use ISSB international sustainability reporting standards. The report must contain disclosure of the risks and impacts associated with the company's business and measures adopted to prevent them in accordance with the ISSB standard chosen.</t>
  </si>
  <si>
    <t>Applies to companies operating in Colombia under the supervision of the Colombian Superintendency of Companies. Specifically, this includes:
- Companies with total income or assets equal to or greater than 40,000 SMLMV (legal minimum monthly wage); and
- Companies with total incomes of equal or greater than 30,000 SMLMV and operating in the following sectors:
- Manufacturing 
- Mining-energy
- Construction
- Tourism 
- Telecommunications and new technologies</t>
  </si>
  <si>
    <t>https://www.joradp.dz/FTP/jo-francais/2024/F2024016.pdf?</t>
  </si>
  <si>
    <t>https://www.icpak.com/roadmap-for-the-adoption-of-ifrs-sustainability-disclosure-standards-in-kenya/?</t>
  </si>
  <si>
    <t>PRI Supply Chain Tracker - North America</t>
  </si>
  <si>
    <t>PRI Supply Chain Tracker - Middle East</t>
  </si>
  <si>
    <t>PRI Supply Chain Tracker - Europe</t>
  </si>
  <si>
    <t>PRI Supply Chain Tracker - EU</t>
  </si>
  <si>
    <t>PRI Supply Chain Tracker - Australia &amp; Oceania</t>
  </si>
  <si>
    <t>PRI Supply Chain Tracker - Asia</t>
  </si>
  <si>
    <t>PRI Supply Chain Tracker - Africa</t>
  </si>
  <si>
    <t>PRI Supply Chain Tracker - Global voluntary initiatives</t>
  </si>
  <si>
    <t xml:space="preserve">PRI SUPPLY CHAIN TRACKER - SCOPE </t>
  </si>
  <si>
    <r>
      <t xml:space="preserve">Jurisdictions
</t>
    </r>
    <r>
      <rPr>
        <sz val="11"/>
        <color theme="1"/>
        <rFont val="AriaL"/>
        <family val="2"/>
      </rPr>
      <t>This Supply Chain Tracker covers the legislation set out in the 'Laws Covered' box below. Further details have (as far as possible) been provided on the scope, compliance deadlines and high-level, key obligations of the following jurisdictions: the EU, the UK, the USA, China, Australia, Japan, Canada, Brazil, Argentina and India (together, the "</t>
    </r>
    <r>
      <rPr>
        <b/>
        <sz val="11"/>
        <rFont val="AriaL"/>
        <family val="2"/>
      </rPr>
      <t>Key</t>
    </r>
    <r>
      <rPr>
        <sz val="11"/>
        <color theme="1"/>
        <rFont val="AriaL"/>
        <family val="2"/>
      </rPr>
      <t xml:space="preserve"> </t>
    </r>
    <r>
      <rPr>
        <b/>
        <sz val="11"/>
        <rFont val="AriaL"/>
        <family val="2"/>
      </rPr>
      <t>Jurisdictions</t>
    </r>
    <r>
      <rPr>
        <sz val="11"/>
        <color theme="1"/>
        <rFont val="AriaL"/>
        <family val="2"/>
      </rPr>
      <t>"). In each jurisdiction, we have included only legislation at the nation state/federal level, and not at local/state/province/canton/regional or equivalent sub-jurisdictional level. 
It should be noted that each of the EU laws included in this tracker has effect across all EU member states (directly in the case of EU regulations, or via local law implementation in the case of EU directives). Therefore, in any EU member state jurisdiction, regard should be had to both the 'EU' jurisdiction laws and that jurisdiction's own laws (we have not included EU member state implementations of directives, as these are presumed to be substantially similar to the relevant directive). However, this does not include a detailed consideration of any variations in, or goldplating of, EU-level requirements at an individual member state level). Reference should be had to our terms of engagement for the scope of, and the limitations applicable to, this tracker and for further detail on the third-party database used to compile the information required for this project.</t>
    </r>
  </si>
  <si>
    <r>
      <t xml:space="preserve">Laws covered
</t>
    </r>
    <r>
      <rPr>
        <sz val="11"/>
        <color theme="1"/>
        <rFont val="AriaL"/>
        <family val="2"/>
      </rPr>
      <t xml:space="preserve">The Supply Chain Tracker covers all laws and regulations for supply chain due diligence or similar obligations in the supply chain regarding human rights or environmental damage, comprised in either horizontal (e.g., EU Corporate Sustainability Due Diligence Directive) or sector-specific regulations (e.g. EU Deforestation Regulation), but not any supporting sources, including court judgments, codes of practice, guidance or similar. 
In preparing the tracker, we have also included proposed laws which are in draft form and are both highly likely to come into force (on the basis of a scoring of 50% of higher on the 'probability score' of the C2P Tool used by us to compile this tracker) and that we consider to be (or potentially be) of particular significance. However, the tracker is not in general intended to capture draft and future laws and regulations. For the avoidance of doubt, only statutory legislation is within the formal scope of this tracker, and we have not reviewed or sought to include any court judgments or regulatory decisions, regulatory position papers, codes of practice, circulars, orders, rules, guidance (except where expressly stated and irrespective of the fact that these may have binding legal effect). We have considered certain voluntary frameworks and initiatives in the 'Global' tab to the extent that these are of particular significance, but we have not included every single global voluntary initiative or good practice guides/voluntary initiatives on a country-level or state-level basis. </t>
    </r>
  </si>
  <si>
    <r>
      <t xml:space="preserve">The IFC Performance Standards apply to a range of entities and projects, primarily focusing on those involved in the IFC’s investment activities:
1. </t>
    </r>
    <r>
      <rPr>
        <b/>
        <sz val="11"/>
        <rFont val="AriaL"/>
        <family val="2"/>
      </rPr>
      <t>IFC clients</t>
    </r>
    <r>
      <rPr>
        <sz val="11"/>
        <rFont val="AriaL"/>
        <family val="2"/>
      </rPr>
      <t xml:space="preserve">:
Private sector companies: Companies that receive direct investment or financing from the IFC are required to adhere to the Performance Standards. This includes loans, equity investments and other forms of financial support provided by the IFC.
2. </t>
    </r>
    <r>
      <rPr>
        <b/>
        <sz val="11"/>
        <rFont val="AriaL"/>
        <family val="2"/>
      </rPr>
      <t xml:space="preserve">Projects sponsored by IFC clients: </t>
    </r>
    <r>
      <rPr>
        <sz val="11"/>
        <rFont val="AriaL"/>
        <family val="2"/>
      </rPr>
      <t xml:space="preserve">
Any projects funded or sponsored by IFC clients must comply with the Performance Standards. This includes infrastructure projects, industrial operations and other large-scale developments.
3. </t>
    </r>
    <r>
      <rPr>
        <b/>
        <sz val="11"/>
        <rFont val="AriaL"/>
        <family val="2"/>
      </rPr>
      <t>Financial institutions</t>
    </r>
    <r>
      <rPr>
        <sz val="11"/>
        <rFont val="AriaL"/>
        <family val="2"/>
      </rPr>
      <t xml:space="preserve">:
Financial intermediaries, banks, private equity funds and other financial intermediaries that receive financing from the IFC must ensure that their sub-projects and clients comply with the Performance Standards. This means that intermediaries are responsible for implementing the standards within their portfolio of investments.
4. </t>
    </r>
    <r>
      <rPr>
        <b/>
        <sz val="11"/>
        <rFont val="AriaL"/>
        <family val="2"/>
      </rPr>
      <t>Multilateral development banks (MDBs) and other development finance institutions (DFIs)</t>
    </r>
    <r>
      <rPr>
        <sz val="11"/>
        <rFont val="AriaL"/>
        <family val="2"/>
      </rPr>
      <t xml:space="preserve">:
Many MDBs and DFIs, which co-finance projects with the IFC or have adopted the Equator Principles, also align their environmental and social risk management practices with the IFC Performance Standards.
5. </t>
    </r>
    <r>
      <rPr>
        <b/>
        <sz val="11"/>
        <rFont val="AriaL"/>
        <family val="2"/>
      </rPr>
      <t>Equator Principles financial institutions (EPFIs)</t>
    </r>
    <r>
      <rPr>
        <sz val="11"/>
        <rFont val="AriaL"/>
        <family val="2"/>
      </rPr>
      <t xml:space="preserve">:
Financial institutions that have adopted the Equator Principles, apply these standards to the projects they finance. EPFIs are responsible for ensuring that large-scale development projects, particularly those with significant environmental and social risks, comply with the Performance Standards.
6. </t>
    </r>
    <r>
      <rPr>
        <b/>
        <sz val="11"/>
        <rFont val="AriaL"/>
        <family val="2"/>
      </rPr>
      <t>Clients seeking advisory services</t>
    </r>
    <r>
      <rPr>
        <sz val="11"/>
        <rFont val="AriaL"/>
        <family val="2"/>
      </rPr>
      <t>:
Companies and projects that seek advisory services from the IFC may also be required to adhere to the Performance Standards to ensure that their operations align with best practices in environmental and social risk management.</t>
    </r>
  </si>
  <si>
    <t>The Regulations mandate comprehensive compliance and disclosure requirements for listed companies to enhance corporate governance and provide transparency for investors.
The listed entity must submit to the stock exchange and publish on its website a copy of the annual report and notice of the annual general meeting by the start of dispatching to shareholders.
The annual report for the top 1,000 listed entities must include a Business Responsibility and Sustainability Report (BRSR) on environmental, social and governance (ESG) disclosures, as specified by the Board, with required assurance. (See entry below for further details). 
Other listed entities may voluntarily disclose the BRSR and obtain assurance for themselves or their value chains, as determined by the Board.</t>
  </si>
  <si>
    <t>PRI Supply Chain Tracker - Latin America</t>
  </si>
  <si>
    <r>
      <t xml:space="preserve">On 28 January 2025, the Mexican National Banking and Securities Commission published an amendment to the General Provisions applicable to Issuers of Securities and other Security Market Participants, which includes sustainability and climate reporting obligations for security market participants. The Resolution obliges issuers submitting a financial report under the Securities Market Law to disclose sustainability and climate information. 
The information must be prepared according to ISSB sustainability standards IFRS S1 and IFRS S2. The new information must be reported for the first time in 2026 for the financial year 2025; assurance will be mandatory for financial years 2026 (to a limited extent) and forward (with reasonable assurance). 
Foreign issuers of securities listed in Mexico must report as per IFRS Standards or the equivalent legislation of their home country. 
</t>
    </r>
    <r>
      <rPr>
        <sz val="11"/>
        <color rgb="FFFF0000"/>
        <rFont val="AriaL"/>
        <family val="2"/>
      </rPr>
      <t xml:space="preserve">
</t>
    </r>
    <r>
      <rPr>
        <sz val="11"/>
        <rFont val="AriaL"/>
        <family val="2"/>
      </rPr>
      <t xml:space="preserve">
</t>
    </r>
  </si>
  <si>
    <t xml:space="preserve">Issuers of securities and security market participants. </t>
  </si>
  <si>
    <t>https://www.cecc.gov/sites/evo-subsites/www.cecc.gov/files/2025-07/ugasa-introduced.pdf</t>
  </si>
  <si>
    <t>Uyghur Genocide Accountability and Sanctions Act of 2025, Senate Bill 2560</t>
  </si>
  <si>
    <t>GENE (Corporate Sustainability Reporting) and Minor and Technical Amendments Rules 2025</t>
  </si>
  <si>
    <t>All Category A Qatari firms (larger firms such as banks and insurers), or other authorised firms as determined by the regulatory authority (based on the size of the firm, the amount and nature of the firm's assets, the firm's client base and any other relevant matters).</t>
  </si>
  <si>
    <t>QFCRA RM/2025-1 Corporate Sustainability Reporting) and Minor and Technical Amendments Rules 2025 | Rulebook</t>
  </si>
  <si>
    <t xml:space="preserve">Following the consultation on the Paper No. 2024/03 - ('Proposed Amendments  on Corporate Sustainability Reporting'), the QFC Regulatory Authority issued on 26 June 2025 these new rules and Guidance on “How to start the journey in applying the International Sustainability Standards Board (“ISSB”) Standards”.
These rules mandate certain entities to prepare a sustainability report in line with the ISSB sustainability standards, IFRS S1 and IFRS S2. Schedule 1 to the Rules contains amendments to the General Rules (“GENE”) relating to corporate sustainability reporting and will apply from 1 January 2026. Schedule 2 to the Rules contains minor and technical amendments to various QFCRA rulebooks, commencing on  1 October 2025.
</t>
  </si>
  <si>
    <t>General Requirements for Disclosure of Sustainability-Related Financial Information, Sustainability Disclosure Standard PSPK 1, 2025</t>
  </si>
  <si>
    <t xml:space="preserve">All companies listed on the Indonesia Stock Exchange (IDX), regardless of market cap, banks, insurers, pension funds, and other significant financial institutions under OJK supervision </t>
  </si>
  <si>
    <t>https://web.iaiglobal.or.id/Berita-IAI/detail/pengesahan_draf_eksposur_standar_pengungkapan_keberlanjutan#gsc.tab=0</t>
  </si>
  <si>
    <t xml:space="preserve">On 17  December 2024, the Institute of Indonesia Chartered Accountants (IAI) approved  the Sustainability Disclosure Standards Roadmap, setting out Indonesia's pathway to alignment with ISSB standards. On 1 July 2025,  the IAI ratified  sustainability disclosure standards PSPK 1 and PSPK 2. There were no material changes between the drafts approved in December 2024 and the final standards. Both PSPK 1 and PSPK 2 become effective from January 2027, however companies can adopt them earlier voluntarily. 
Both PSPK 1 and PSPK 2 refer to IFRS Sustainability Disclosure Standards, aligning SPK with global reporting frameworks:
PSPK 1: General Requirements for Disclosure of Sustainability  related Financial Information; 
PSPK 2: Climate-Related Disclosures. 
</t>
  </si>
  <si>
    <t>The International Labour Organization (ILO) has established fundamental labour standards that form part of core international labour rights, promoting dignity and freedom for all workers by aiming to abolish forced labour globally. They reflect the commitment of the international community to human rights and uphold the principle that forced labour has no place in modern society.
Two key conventions that relate to forced labour specifically have been widely ratified globally: 
1. Forced Labour Convention, 1930 (No. 29), adopted on 28 June 1930.
This convention aims to suppress the use of forced or compulsory labour in all its forms. The convention defines forced or compulsory labour as all work or service which is exacted from any person under the menace of any penalty and for which the person has not offered themselves voluntarily. It mandates member states to suppress the use of forced or compulsory labour in all its forms within the shortest possible period.
2. Abolition of Forced Labour Convention, 1957 (No. 105), adopted on 25 June 1957. This convention aims to further expedite the abolition of all forms of forced or compulsory labour and requires member states to take effective measures to abolish forced or compulsory labour. It specifically prohibits the use of forced labour for:
- Economic development purposes
- Political coercion or education
- Labour discipline
- Punishment for participating in strikes
- Racial, social, national or religious discrimination
It mandates ratifying states to enact national legislation to prohibit and eliminate all forms of forced or compulsory labour and establish mechanisms to enforce these laws and take effective action against violators.</t>
  </si>
  <si>
    <t>In October 2016, the GRI transitioned from providing guidelines to issuing structured and modular GRI Standards. These standards provide a flexible and comprehensive framework for sustainability reporting.
The GRI Standards are divided into a set of interrelated standards that organisations can use to prepare sustainability reports.
1. Universal standards:
GRI 1: Foundation: Provides the starting point for using the GRI Standards, including the essential principles and procedures for reporting
GRI 2: General Disclosures: Covers information about the organisation’s profile, strategy, ethics, governance and stakeholder engagement
GRI 3: Material Topics: Describes how an organisation manages impacts related to each material topic, detailing how they identify, address and evaluate their impact on the environment and society
2. Topic-specific standards:
Economic: Standards that cover key economic aspects, such as market presence, indirect economic impacts, procurement practices and anti-corruption. Examples include GRI 201: Economic Performance, GRI 202: Market Presence, GRI 203: Indirect Economic Impacts and GRI 205: Anti-corruption.
Environmental: Standards addressing an organisation’s environmental impacts, including energy consumption, water usage, emissions, waste management and biodiversity.
Examples include GRI 301: Materials, GRI 302: Energy, GRI 303: Water and Effluents, GRI 305: Emissions, GRI 306: Waste and GRI 304: Biodiversity.
Social: Standards related to social impacts, including labour practices, human rights, society and product responsibility.
Examples include GRI 401: Employment, GRI 403: Occupational Health and Safety, GRI 404: Training and Education, GRI 405: Diversity and Equal Opportunity, GRI 406: Non-discrimination, GRI 412: Human Rights Assessment, GRI 413: Local Communities, GRI 416: Customer Health and Safety and GRI 417: Marketing and Labelling.
On 26 June 2025, GRI released the finalised standards on climate change and energy: GRI 102: Climate Change, and GRI 103: Energy.</t>
  </si>
  <si>
    <t>SEBI has introduced several measures to enhance transparency and accountability in ESG disclosures by Indian companies. One of the significant initiatives in this regard is the introduction of the Business Responsibility and Sustainability Reporting (BRSR). Following SEBI's ESG Advisory Committee's recommendations and public consultation, the Board introduced the BRSR Core for assured reporting by listed entities and amended the 2015 Listing Obligations and Disclosure Requirements (LODR) Regulations.
From the 2023-24 financial year, the top 150 listed entities by market capitalisation must disclose their BRSR as part of their annual reports and obtain reasonable assurance for the BRSR Core. This requirement expands to the top 1,000 entities by 2026-27. 
The BRSR framework encourages companies to disclose their ESG policies, practices and performance in a structured manner. In terms of reporting, the BRSR framework requires disclosures on general, management and process, principle-wise performance, and principle-wise indicators across nine principles derived from the National Guidelines on Responsible Business Conduct (NGRBC). Parameters include energy and water consumption, waste management, employee welfare, community initiatives, ethics and governance.
Additionally, ESG disclosures for the value chain must be made by the top 250 listed entities on a comply-or-explain basis, starting from the 2024-25 financial year.</t>
  </si>
  <si>
    <t>The Act governs the sustainable management and protection of the country's forest resources, including strict regulations on the harvesting, milling and trading of indigenous timber.
The Act prohibits the milling of indigenous timber at a sawmill unless the sawmill is registered and the timber harvest complies with specific conditions. 
The 2024 amendment established a legal harvest assurance system, requiring forest owners, log traders, primary processors, timber exporters and importers to verify and provide assurance that the timber they deal with has been legally harvested. It mandates that businesses involved in the timber trade must undertake due diligence to ensure the legality of the timber. This involves collecting and maintaining records that demonstrate compliance with the legal harvesting requirements.
From a reporting perspective, holders of an Sustainable Forest Management Plan (SFMP) or permit are typically required to submit annual reports to the Ministry for Primary Industries. These reports must detail the activities carried out under the plan or permit, including the volume of timber harvested, forest regeneration activities and compliance with sustainability criteria.</t>
  </si>
  <si>
    <t xml:space="preserve">Sustainable Reporting Guidelines for Select Listed Companies (Trial) </t>
  </si>
  <si>
    <t xml:space="preserve">OECD Guidelines for Multinational Enterprises on Responsible Business Conduct (OECD Guidelines) </t>
  </si>
  <si>
    <t xml:space="preserve">Brazil </t>
  </si>
  <si>
    <t xml:space="preserve">Since the Prevention of Forced Labor in Xinjiang Uyghur came into force in 2021, this Bill proposes additional measures tailored to the evolving context of forced labour in the Xinjiang Uyghur Autonomous Region (XUAR). 
In 2023, the Uyghur Genocide Accountability and Sanctions Act, Senate Bill 1770 was proposed, aiming to introduce new compliance mechanisms, more stringent requirements and alternative methods for enforcement and verification distinct from prior legislation.
The 2023 Bill also expanded on the list of entities involved in forced labour practices and provides precise guidance on technology or data usage for tracking and confirming supply chain integrity. 
On 31 July 2025, the 2025 Bill was introduced in Washington. It builds on the 2023 Bill by including further sanctions for atrocities such as organ harvesting, child separation and coercive sterilisations, mandatory visa bans for foreign nationals involved in population control and abuse, and government procurement bans for companies tied to Uyghur forced labour, amongst other things. 
</t>
  </si>
  <si>
    <t>This law would require fashion retailers to map their supply chains and perform sufficient due diligence. This includes identifying, preventing, mitigating, accounting for and taking remedial action to address actual and potential adverse impacts to human rights and the environment in their own operations and in their supply chains.
Versions of this act have been introduced several times previously. This bill is currently being considered by the Senate Committee.</t>
  </si>
  <si>
    <t xml:space="preserve">Fighting Against Forced Labour and Child Labour in Supply Chains Act, 2023 </t>
  </si>
  <si>
    <t xml:space="preserve">Legislation aiming to tackle, prevent and disrupt modern slavery and human trafficking in the UK. It creates offences relating to holding another person in slavery or servitude, requiring another person to perform forced or compulsory labour, or arranging or facilitating travel of another person with a view to that person being exploited. 
From a corporate reporting perspective, it requires in-scope companies to publish an annual MSA statement on their website highlighting the steps they take to minimise the risk of modern slavery and forced labour within their business and supply chains.
Recent government guidance has been published to assist businesses on how to comply with the letter and spirit of the MSA. The guidance lays out the government's expectations for corporate reporting through modern slavery statements and was drawn up through consultation with businesses, public bodies and civil society organisations, among others, integrating learnings from the 10 years since the MSA came into force.
On 30 July 2025, the UK Government published an international reporting template for entities subject to reporting in the UK, Australia and Canada, produced in conjunction with the Australian and Canadian Governments. It is optional for use but intended to facilitate the production of one statement across the jurisdictions. </t>
  </si>
  <si>
    <t xml:space="preserve">The Bill overlaps with the CSDDD. 
The Draft Law would require Dutch companies operating internationally to adhere to environmental, human rights and labour standards. Companies must perform due diligence to identify, prevent and mitigate adverse impacts within their supply chains and publicly report on their efforts. 
The policy sets out obligations for companies to address issues such as child labour, exploitation and environmental harm, aligning with the OECD Guidelines for Multinational Enterprises. This approach seeks to enforce a minimum standard of corporate social responsibility and enhance accountability. 
The law is currently under development and, if adopted, was expected to come into force on 1 July 2025. However, in light of the proposed transposition of the CSDDD, this law is unlikely to progress. </t>
  </si>
  <si>
    <t>The LkSG mandates companies of a certain size in Germany to implement human rights due diligence in their supply chains. It initially applied to companies with 3,000 or more employees, with that threshold falling to 1,000 employees from 1 January 2024.
Companies must document and report their due diligence measures annually in German, with the first reports to be reviewed from 1 January 2026, with no sanctions for late submissions before 31 December 2025. The Act includes a requirement for effective risk management systems to be integrated into business processes and supported by comprehensive risk analysis.
In-scope companies are required to submit annual reports detailing their due diligence measures. These reports must be submitted electronically no later than four months after the end of the financial year to which they relate. 
The Act came into force on 1 January 2023. 
On 3 June 2025, the AfD parliamentary group proposed a draft act to the German parliament to abolish the Act with immediate effect. The AfD has stated that it views the LkSG as creating bureaucratic burdens and trade barriers that it believes negatively impact German companies’ ability to compete internationally. The Coalition Agreement committed the government to the repeal of the Act. Until the Act is revoked by Germany’s parliament, it is still in force, however, and it is not yet clear when precisely the Act will be revoked.</t>
  </si>
  <si>
    <t>Austria</t>
  </si>
  <si>
    <t xml:space="preserve">The main aim of the CSRD is to drive transparency of sustainability information and promote sustainable practices and investment. The CSRD replaces the EU's non-financial reporting directive, to establish more comprehensive, reliable ESG reporting requirements. 
Qualifying businesses will be required to report on how they monitor a wide range of sustainability issues and their impact on the planet and society. These impacts cover those that a company has on a sustainability matter, including those caused by or contributed to by the business’ own operations or business relationships, and the financial impacts of a sustainability matter on the business. Material impacts, risks or opportunities from either or both perspectives must be reported in accordance with the mandatory European Sustainability Reporting Standards (ESRS). As CSRD is a transparency measure, it does not prescribe specific behaviours beyond reporting. 
The Commission’s February 2025 Omnibus Package proposes significant changes to the CSRD. The ’Stop-the-Clock’ directive adopted on 14 April 2025 pauses reporting requirements for large EU companies/groups and listed SME businesses for two years; this must be implemented by member states by 31 December 2025. A second, separate proposal seeks to amend existing thresholds so that only companies with more than 1,000 employees would be obliged to submit a sustainability report under the CSRD. The Commission further commits to revise the ESRS to simplify and reduce the reporting burden. 
On 11 July 2025 the European Commission adopted a delegated act to "freeze" the amount of information to be reported by "wave 1" companies not benefiting from reporting delays under the Omnibus. These companies can continue to use phase-in/transitional reliefs which should have been available only for one year, for the next two years.
On 30 July 2025 the European Commission adopted a recommendation on voluntary reporting by SMEs, in effect endorsing the existing VSME standard developed by EFRAG. It encourages large companies to employ the standard in their requests for information from SMEs in the value chain (and not go beyond its contents). The Commission will eventually adopt a VSME standard by delegated act, which may be the same or different from the present standard. 
On 31 July 2025, EFRAG launched a consultation on the revised ESRS. The drafts will reduce the total number of datapoints by nearly 68% compared with the original ESRS. All optional datapoints ("may") have been deleted. The consultation is open until 29 September.
</t>
  </si>
  <si>
    <t>The Batteries and Waste Batteries Regulation aims to regulate the entire lifecycle of batteries, from design to end-of-life disposal. 
Relevant economic operators must adopt a risk-based battery due diligence policy, based on internationally recognised due diligence standards and principles, to address the most prevalent social and environmental risk categories, including human rights.
The regulation sets comprehensive requirements on battery labelling, monitoring and recycling processes. It also emphasises the need for reducing harmful substances in batteries and enhancing the recovery of raw materials.
The regulation requires battery manufacturers, distributors, importers and recyclers to collect and report specific data related to the production, management and end-of-life treatment of batteries. The frequency of reporting will vary, depending on member state implementation. 
On 18 July 2025, the Council adopted a new law to postpone the application of the due diligence obligations by 2 years, to 18 August 2027, effective 31 July 2025, to help allow operators placing batteries on the EU market to be better prepared, and to allow time to resolve difficulties with the availability of notified bodies. By 18 August 2027, all in scope entities must set up and implement due diligence policies. Additionally, the date by which the Commission is required to publish guidance on due diligence requirements has been postponed, from 18 February 2025 to 26 July 2026.</t>
  </si>
  <si>
    <t xml:space="preserve">The Deforestation Regulation (EU) 2023/1115 aims to combat deforestation and forest degradation associated with certain commodities and products being placed on the EU market or exported from it.
It imposes due diligence requirements on operators and traders to ensure products do not contribute to deforestation or forest degradation. The regulation requires transparency and traceability throughout the supply chain of commodities such as soy, palm oil, wood, cocoa, coffee and some derived products. 
The regulation includes reporting obligations for entities in scope. These entities must regularly provide due diligence statements and reports demonstrating compliance with the regulation’s requirements, such as the absence of deforestation and forest degradation in their supply chains. The specific frequency and timing of reporting will be set by EU member states.
In 2024, the EU Commission published Regulation (EU) 2024/3234, postponing by one year the application of the Deforestation Regulation to allow a phasing-in period for proper implementation. The substantive obligations of the Deforestation Regulation will now apply from 30 December 2025 for large enterprises, and from 30 June 2026 for micro- or small companies, with additional amendments to the timeline for publishing risk lists and the repeal of Regulation (EU) No 995/2010.
Regulation (EU) 2024/3084 outlines the functionality of an online information system designed to implement the EU Deforestation Regulation (EUDR, 2023/1115), allowing operators and traders to submit electronic due diligence statements to demonstrate that their products do not contribute to deforestation or forest degradation, essentially acting as a registry to verify compliance with the EUDR by enabling authorities to access and review these statements. 
A draft amendment, published on 15 April 2025, introduces changes to the products listed in Annex I of Regulation 2023/1115 to make the list of relevant products clearer and simpler to understand. These targeted technical adjustments specify which products are not subject to the Regulation, ensuring easier application and greater legal certainty. For example, the draft amendment proposes adding "ex" to certain palm oil and rubber codes to specify that only products made with relevant commodities are included, and by explicitly stating that wood products made solely of bamboo, rattan and other woody materials are within its scope. If enacted, the amendment is proposed to enter into force on the day following its official publication. Further amendments are expected to be proposed as part of the Commission's review of administrative burden in environmental regulation, in Q4 2025.
On 9 July, the European Parliament voted to reject the Commission's proposed country classification system for the EUDR, advocating for a category with "insignificant or negligible risk" - introduction of such a category would need the EUDR to be amended (and likely postponement of the active obligations which should apply at the end of 2025).  
</t>
  </si>
  <si>
    <t xml:space="preserve">The Australian MSA aims to combat modern slavery and human trafficking in various forms. It lists eight crimes that are classified as modern slavery, including human trafficking, slavery, servitude, forced marriage, forced labour, debt bondage, deceptive recruitment and the worst forms of child labour, involving slavery practices or hazardous work.
From a corporate perspective, the Australian MSA requires in-scope companies to report annually on the actions they have taken to address modern slavery risks in their operations and supply chains. The statement must include information on:
- the entity’s structure, operations and supply chains
- applicable modern slavery risks, and preventative actions
- performance indicators and targets
- relevant responsible persons and a statement that the information provided is accurate and complete to the best of the person’s knowledge and belief.
On 30 July 2025, the Australian Government published an international reporting template for entities subject to reporting in Australia, the UK and Canada, produced in conjunction with the UK and Canadian Governments. It is optional for use but intended to facilitate the production of one statement across the jurisdictions. </t>
  </si>
  <si>
    <t>This proposed law seeks to hold businesses accountable for human rights in their supply chains and safeguard vulnerable workers. It is proposed to be drafted using guidance from the Office of the United Nations High Commissioner for Human Rights and relevant provisions of the UNGPs to require businesses to conduct human rights and environmental due diligence in their supply chains. 
The proposed law is expected to introduce financial penalties for failing to meet obligations. Conversely, compliant businesses may receive tax incentives and access to government contracts.
The Thai government is still working through several critical elements of the proposed law, including:
• Whether implementation will be phased in gradually or apply immediately.
• How SMEs will be supported in order to comply with the requirements.
• Strategies for building corporate capacity to meet due diligence obligations.
This law is currently still being drafted by the Ministry of Justice.</t>
  </si>
  <si>
    <t>The Philippines SEC is proposing to require publicly listed companies to submit a narrative sustainability report based on ISSB sustainability standards IFRS S1 and S2 and a sustainability report (SuRe) form. The regime will be mandatory, but on a comply-or-explain basis for the first two years. 
The SEC released a draft Memorandum Circular for public comment on July 30, 2025, proposing rules for mandatory sustainability reporting. Under the draft, Tier 1 entities—originally proposed to begin reporting for FY 2025—would now start with FY 2026 reports, due in 2027.</t>
  </si>
  <si>
    <t>Publicly listed companies
Large Non-Listed Entities: Companies with annual revenues exceeding PHP 15 billion</t>
  </si>
  <si>
    <t xml:space="preserve">The IFC Performance Standards are a set of guidelines that define responsibilities for managing environmental and social risks. They play a crucial role in guiding financial institutions, including those that adhere to the Equator Principles, a risk management framework based largely on the IFC Performance Standards, in managing environmental and social risks and impacts associated with their projects. The IFC Standards help ensure that development projects contribute positively to sustainable development and that adverse impacts on communities and the environment are mitigated. They have undergone revisions to improve their scope and effectiveness, with the most recent update coming into force on 1 January 2012. 
However, in April 2025  the IFC launched a review into its Sustainability Framework (which include the Performance Standards) with a view to updating it to better align with today's environment. The update will be designed through a consultative process conducted in two phases:
Phase I: Dialogue Phase (9-12 months, from April 2025 anticipated to conclude between January and March 2026); and
Phase II: Public Consultation Phase (anticipated: April 2026-March 2028)
Specific standards include: the 'Assessment and Management of Environmental and Social Risks and Impacts' (performance standard 1); 'Labor and Working Conditions' (performance standard 2); 'Resource Efficiency and Pollution Prevention' (performance standard 3); Community Health, Safety, and Security (performance standard 4); 'Land Acquisition and Involuntary Resettlement' (performance standard 5); 'Biodiversity Conservation and Sustainable Management of Living Natural Resources' (performance standard 6); 'Indigenous Peoples' (performance standard 7); and 'Cultural Heritage' (performance standard 8). </t>
  </si>
  <si>
    <t xml:space="preserve">Yes, the Global Reporting Initiative (GRI) Standards explicitly focus on sustainability reporting. Their primary purpose is to guide organisations in disclosing their environmental, social and economic impacts in a consistent, transparent and accountable manner. 
For example, GRI 1 Foundation contains principles for reporting, which outline the fundamental principles that organisations should follow for sustainability reporting, including accuracy, balance, clarity, comparability, reliability and timeliness. It also provides an overview of the steps organisations need to take to prepare a sustainability report, ensuring adherence to the GRI Standards.
</t>
  </si>
  <si>
    <t>The ISSB Standards are a set of guidelines designed to provide a cohesive global framework for sustainability-related financial disclosures. They aim to help investors make informed decisions by providing transparent, reliable and comparable sustainability information across companies and industries. The ISSB Standards are designed to be compatible with the existing IFRS financial reporting framework, to ensure integrative and comprehensive reporting.
IFRS S1 provides general requirements for disclosure of sustainability-related financial information and IFRS S2 for climate-related disclosures. They were published in June 2023 for application from 1 January 2024. Further standards are expected to be developed. 
Mandatory application of the ISSB Standards is subject to the regulatory decisions of individual countries and jurisdictions. For example, Brazil’s securities regulator formally integrated the standards into its regulatory framework from 1 January 2024 on a mandatory basis for publicly listed companies beginning with fiscal years after January. In the UK, the government plans to endorse the ISSB Standards in 2025: the UK government is now consulting on the drafts of the UK versions of IFRS S1 and IFRS S2 – respectively called UK SRS S1 and UK SRS S2. The consultation is open until 17 September 2025. Following this consultation, the UK government intends to publish finalised versions of UK SRS S1 and UK SRS S2 for voluntary use later 2025. The Financial Conduct Authority and the government are then expected to establish reporting requirements for different categories of company.</t>
  </si>
  <si>
    <r>
      <t xml:space="preserve">Exclusions and limitations
</t>
    </r>
    <r>
      <rPr>
        <sz val="11"/>
        <rFont val="AriaL"/>
        <family val="2"/>
      </rPr>
      <t xml:space="preserve">This Supply Chain Tracker is a high-level summary of the material legislation identified by us, Travers Smith LLP (following, and subject to the limitations of, the methodology set out in our terms of engagement) as falling within the scope of the jurisdictions and laws covered, as set out above, and does not constitute legal advice. It is necessarily based on our understanding of the general nature of the financial business activities undertaken by PRI members and is not (and cannot be) a comprehensive summary of all existing applicable laws and regulations. Compliance with specific obligations and requirements would be a matter for legal advice at the jurisdiction level – including in particular whether or not certain qualifying thresholds for those requirements are met. (For example, certain regimes only apply where employee or financial thresholds are exceeded, which may be at an entity or group level, depending on the regime). Travers Smith LLP does not assume any responsibility for identifying any tax, insurance or financial services laws. 
Where information is provided in respect of content and potential applicability of laws outside of England and Wales including where information on the same has been sourced by us via third-party databases and sources, we are unable to verify or guarantee that the information provided (or the databases used to procure the same) are accurate, complete or up-to-date, and are not liable and we make no warranty or representation in relation to the same. Information is current as at 5 September 2025.
</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
    <numFmt numFmtId="164" formatCode="0.0"/>
  </numFmts>
  <fonts count="27" x14ac:knownFonts="1">
    <font>
      <sz val="11"/>
      <color theme="1"/>
      <name val="Calibri Light"/>
      <family val="2"/>
      <scheme val="minor"/>
    </font>
    <font>
      <u/>
      <sz val="11"/>
      <color theme="10"/>
      <name val="Calibri Light"/>
      <family val="2"/>
      <scheme val="minor"/>
    </font>
    <font>
      <sz val="11"/>
      <name val="Calibri Light"/>
      <family val="2"/>
      <scheme val="minor"/>
    </font>
    <font>
      <sz val="11"/>
      <color theme="1"/>
      <name val="Calibri Light"/>
      <family val="2"/>
      <scheme val="minor"/>
    </font>
    <font>
      <b/>
      <sz val="11"/>
      <name val="Calibri Light"/>
      <family val="2"/>
      <scheme val="minor"/>
    </font>
    <font>
      <b/>
      <sz val="11"/>
      <name val="Calibri Light"/>
      <family val="2"/>
    </font>
    <font>
      <sz val="11"/>
      <name val="Calibri Light"/>
      <family val="2"/>
    </font>
    <font>
      <sz val="9"/>
      <name val="Calibri Light"/>
      <family val="2"/>
    </font>
    <font>
      <sz val="10"/>
      <name val="Calibri Light"/>
      <family val="2"/>
    </font>
    <font>
      <b/>
      <sz val="22"/>
      <name val="AriaL"/>
      <family val="2"/>
    </font>
    <font>
      <sz val="11"/>
      <name val="AriaL"/>
      <family val="2"/>
    </font>
    <font>
      <b/>
      <sz val="11"/>
      <color theme="1"/>
      <name val="AriaL"/>
      <family val="2"/>
    </font>
    <font>
      <sz val="11"/>
      <color theme="1"/>
      <name val="AriaL"/>
      <family val="2"/>
    </font>
    <font>
      <b/>
      <sz val="11"/>
      <name val="AriaL"/>
      <family val="2"/>
    </font>
    <font>
      <u/>
      <sz val="11"/>
      <name val="Arial"/>
      <family val="2"/>
    </font>
    <font>
      <u/>
      <sz val="11"/>
      <color theme="10"/>
      <name val="Arial"/>
      <family val="2"/>
    </font>
    <font>
      <u/>
      <sz val="11"/>
      <color rgb="FFFF0000"/>
      <name val="Arial"/>
      <family val="2"/>
    </font>
    <font>
      <sz val="9"/>
      <name val="Arial"/>
      <family val="2"/>
    </font>
    <font>
      <sz val="10"/>
      <name val="Arial"/>
      <family val="2"/>
    </font>
    <font>
      <b/>
      <sz val="11"/>
      <color theme="0"/>
      <name val="AriaL"/>
      <family val="2"/>
    </font>
    <font>
      <sz val="12"/>
      <name val="Arial"/>
      <family val="2"/>
    </font>
    <font>
      <sz val="9"/>
      <color theme="1"/>
      <name val="Arial"/>
      <family val="2"/>
    </font>
    <font>
      <sz val="10"/>
      <color theme="1"/>
      <name val="Arial"/>
      <family val="2"/>
    </font>
    <font>
      <b/>
      <sz val="22"/>
      <color theme="1"/>
      <name val="AriaL"/>
      <family val="2"/>
    </font>
    <font>
      <b/>
      <sz val="22"/>
      <color theme="3"/>
      <name val="AriaL"/>
      <family val="2"/>
    </font>
    <font>
      <sz val="11"/>
      <color rgb="FFFF0000"/>
      <name val="AriaL"/>
      <family val="2"/>
    </font>
    <font>
      <u/>
      <sz val="11"/>
      <name val="Calibri Light"/>
      <family val="2"/>
      <scheme val="minor"/>
    </font>
  </fonts>
  <fills count="8">
    <fill>
      <patternFill patternType="none"/>
    </fill>
    <fill>
      <patternFill patternType="gray125"/>
    </fill>
    <fill>
      <patternFill patternType="solid">
        <fgColor theme="0"/>
        <bgColor indexed="64"/>
      </patternFill>
    </fill>
    <fill>
      <patternFill patternType="solid">
        <fgColor rgb="FF00B0F0"/>
        <bgColor indexed="64"/>
      </patternFill>
    </fill>
    <fill>
      <patternFill patternType="solid">
        <fgColor rgb="FF004FA6"/>
        <bgColor indexed="64"/>
      </patternFill>
    </fill>
    <fill>
      <patternFill patternType="solid">
        <fgColor rgb="FF00AFF0"/>
        <bgColor indexed="64"/>
      </patternFill>
    </fill>
    <fill>
      <patternFill patternType="solid">
        <fgColor rgb="FFFA961E"/>
        <bgColor indexed="64"/>
      </patternFill>
    </fill>
    <fill>
      <patternFill patternType="solid">
        <fgColor rgb="FFABE1FA"/>
        <bgColor indexed="64"/>
      </patternFill>
    </fill>
  </fills>
  <borders count="85">
    <border>
      <left/>
      <right/>
      <top/>
      <bottom/>
      <diagonal/>
    </border>
    <border>
      <left style="thin">
        <color theme="2"/>
      </left>
      <right style="thin">
        <color theme="2"/>
      </right>
      <top style="thin">
        <color theme="2"/>
      </top>
      <bottom style="thin">
        <color theme="2"/>
      </bottom>
      <diagonal/>
    </border>
    <border>
      <left style="thin">
        <color theme="2"/>
      </left>
      <right/>
      <top style="thin">
        <color theme="2"/>
      </top>
      <bottom style="thin">
        <color theme="2"/>
      </bottom>
      <diagonal/>
    </border>
    <border>
      <left/>
      <right/>
      <top style="thin">
        <color theme="2"/>
      </top>
      <bottom style="thin">
        <color theme="2"/>
      </bottom>
      <diagonal/>
    </border>
    <border>
      <left style="thin">
        <color theme="2"/>
      </left>
      <right style="thin">
        <color theme="2"/>
      </right>
      <top style="thin">
        <color theme="2"/>
      </top>
      <bottom/>
      <diagonal/>
    </border>
    <border>
      <left style="thin">
        <color theme="2"/>
      </left>
      <right style="thin">
        <color theme="2"/>
      </right>
      <top/>
      <bottom style="thin">
        <color theme="2"/>
      </bottom>
      <diagonal/>
    </border>
    <border>
      <left style="thin">
        <color theme="1" tint="0.79998168889431442"/>
      </left>
      <right style="thin">
        <color theme="1" tint="0.79998168889431442"/>
      </right>
      <top style="thin">
        <color theme="1" tint="0.79998168889431442"/>
      </top>
      <bottom style="thin">
        <color theme="1" tint="0.79998168889431442"/>
      </bottom>
      <diagonal/>
    </border>
    <border>
      <left style="thin">
        <color theme="2" tint="0.39997558519241921"/>
      </left>
      <right style="thin">
        <color theme="2" tint="0.39997558519241921"/>
      </right>
      <top style="thin">
        <color theme="2" tint="0.39997558519241921"/>
      </top>
      <bottom style="thin">
        <color theme="2" tint="0.39997558519241921"/>
      </bottom>
      <diagonal/>
    </border>
    <border>
      <left style="thin">
        <color theme="2"/>
      </left>
      <right/>
      <top style="thin">
        <color theme="2"/>
      </top>
      <bottom/>
      <diagonal/>
    </border>
    <border>
      <left style="thin">
        <color theme="2" tint="0.39997558519241921"/>
      </left>
      <right style="thin">
        <color theme="2" tint="0.39997558519241921"/>
      </right>
      <top style="thin">
        <color theme="2" tint="0.39997558519241921"/>
      </top>
      <bottom/>
      <diagonal/>
    </border>
    <border>
      <left/>
      <right/>
      <top style="thin">
        <color theme="2" tint="0.39997558519241921"/>
      </top>
      <bottom/>
      <diagonal/>
    </border>
    <border>
      <left/>
      <right/>
      <top style="thin">
        <color theme="2"/>
      </top>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indexed="64"/>
      </right>
      <top style="medium">
        <color indexed="64"/>
      </top>
      <bottom style="medium">
        <color indexed="64"/>
      </bottom>
      <diagonal/>
    </border>
    <border>
      <left/>
      <right/>
      <top/>
      <bottom style="thin">
        <color theme="2"/>
      </bottom>
      <diagonal/>
    </border>
    <border>
      <left style="thin">
        <color theme="0" tint="-9.9978637043366805E-2"/>
      </left>
      <right style="thin">
        <color theme="0" tint="-9.9978637043366805E-2"/>
      </right>
      <top style="thin">
        <color theme="0" tint="-9.9978637043366805E-2"/>
      </top>
      <bottom style="thin">
        <color theme="0" tint="-9.9978637043366805E-2"/>
      </bottom>
      <diagonal/>
    </border>
    <border>
      <left style="thin">
        <color theme="2" tint="0.39997558519241921"/>
      </left>
      <right style="thin">
        <color theme="2" tint="0.39997558519241921"/>
      </right>
      <top/>
      <bottom style="thin">
        <color theme="2" tint="0.39997558519241921"/>
      </bottom>
      <diagonal/>
    </border>
    <border>
      <left style="thin">
        <color theme="0" tint="-9.9978637043366805E-2"/>
      </left>
      <right style="thin">
        <color theme="0" tint="-9.9978637043366805E-2"/>
      </right>
      <top/>
      <bottom style="thin">
        <color theme="0" tint="-9.9978637043366805E-2"/>
      </bottom>
      <diagonal/>
    </border>
    <border>
      <left style="thin">
        <color theme="0" tint="-9.9978637043366805E-2"/>
      </left>
      <right style="thin">
        <color theme="0" tint="-9.9978637043366805E-2"/>
      </right>
      <top style="thin">
        <color theme="2"/>
      </top>
      <bottom style="thin">
        <color theme="2"/>
      </bottom>
      <diagonal/>
    </border>
    <border>
      <left style="thin">
        <color theme="0" tint="-9.9978637043366805E-2"/>
      </left>
      <right style="thin">
        <color theme="2"/>
      </right>
      <top style="thin">
        <color theme="2"/>
      </top>
      <bottom style="thin">
        <color theme="2"/>
      </bottom>
      <diagonal/>
    </border>
    <border>
      <left/>
      <right style="thin">
        <color theme="0" tint="-9.9978637043366805E-2"/>
      </right>
      <top style="thin">
        <color theme="2"/>
      </top>
      <bottom style="thin">
        <color theme="2"/>
      </bottom>
      <diagonal/>
    </border>
    <border>
      <left/>
      <right/>
      <top style="thin">
        <color theme="0" tint="-9.9978637043366805E-2"/>
      </top>
      <bottom style="thin">
        <color theme="0" tint="-9.9978637043366805E-2"/>
      </bottom>
      <diagonal/>
    </border>
    <border>
      <left/>
      <right style="thin">
        <color theme="2"/>
      </right>
      <top style="thin">
        <color theme="2"/>
      </top>
      <bottom style="thin">
        <color indexed="64"/>
      </bottom>
      <diagonal/>
    </border>
    <border>
      <left style="thin">
        <color theme="2"/>
      </left>
      <right style="thin">
        <color theme="2"/>
      </right>
      <top style="thin">
        <color theme="2"/>
      </top>
      <bottom style="thin">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thin">
        <color theme="2"/>
      </left>
      <right style="thin">
        <color theme="2"/>
      </right>
      <top/>
      <bottom style="thin">
        <color indexed="64"/>
      </bottom>
      <diagonal/>
    </border>
    <border>
      <left style="thin">
        <color theme="2"/>
      </left>
      <right/>
      <top style="thin">
        <color theme="2"/>
      </top>
      <bottom style="thin">
        <color indexed="64"/>
      </bottom>
      <diagonal/>
    </border>
    <border>
      <left style="thin">
        <color theme="1" tint="0.79998168889431442"/>
      </left>
      <right style="thin">
        <color theme="1" tint="0.79998168889431442"/>
      </right>
      <top style="thin">
        <color theme="1" tint="0.79998168889431442"/>
      </top>
      <bottom style="thin">
        <color indexed="64"/>
      </bottom>
      <diagonal/>
    </border>
    <border>
      <left/>
      <right/>
      <top/>
      <bottom style="thin">
        <color indexed="64"/>
      </bottom>
      <diagonal/>
    </border>
    <border>
      <left style="thin">
        <color theme="2"/>
      </left>
      <right style="thin">
        <color indexed="64"/>
      </right>
      <top style="thin">
        <color theme="2"/>
      </top>
      <bottom style="thin">
        <color indexed="64"/>
      </bottom>
      <diagonal/>
    </border>
    <border>
      <left style="thin">
        <color theme="2"/>
      </left>
      <right style="thin">
        <color indexed="64"/>
      </right>
      <top style="thin">
        <color theme="2"/>
      </top>
      <bottom style="thin">
        <color theme="2"/>
      </bottom>
      <diagonal/>
    </border>
    <border>
      <left/>
      <right style="thin">
        <color indexed="64"/>
      </right>
      <top style="thin">
        <color theme="2"/>
      </top>
      <bottom/>
      <diagonal/>
    </border>
    <border>
      <left style="thin">
        <color theme="1" tint="0.79998168889431442"/>
      </left>
      <right style="thin">
        <color indexed="64"/>
      </right>
      <top style="thin">
        <color theme="1" tint="0.79998168889431442"/>
      </top>
      <bottom style="thin">
        <color theme="1" tint="0.79998168889431442"/>
      </bottom>
      <diagonal/>
    </border>
    <border>
      <left/>
      <right style="thin">
        <color indexed="64"/>
      </right>
      <top/>
      <bottom/>
      <diagonal/>
    </border>
    <border>
      <left/>
      <right style="thin">
        <color indexed="64"/>
      </right>
      <top/>
      <bottom style="thin">
        <color indexed="64"/>
      </bottom>
      <diagonal/>
    </border>
    <border>
      <left style="thin">
        <color indexed="64"/>
      </left>
      <right style="medium">
        <color theme="0"/>
      </right>
      <top style="thin">
        <color indexed="64"/>
      </top>
      <bottom/>
      <diagonal/>
    </border>
    <border>
      <left style="thin">
        <color theme="2" tint="-0.34998626667073579"/>
      </left>
      <right style="medium">
        <color theme="0"/>
      </right>
      <top style="thin">
        <color indexed="64"/>
      </top>
      <bottom/>
      <diagonal/>
    </border>
    <border>
      <left style="thin">
        <color theme="2" tint="-0.34998626667073579"/>
      </left>
      <right style="thin">
        <color indexed="64"/>
      </right>
      <top style="thin">
        <color indexed="64"/>
      </top>
      <bottom/>
      <diagonal/>
    </border>
    <border>
      <left style="thin">
        <color indexed="64"/>
      </left>
      <right style="thin">
        <color theme="2"/>
      </right>
      <top style="thin">
        <color theme="2"/>
      </top>
      <bottom style="thin">
        <color theme="2"/>
      </bottom>
      <diagonal/>
    </border>
    <border>
      <left style="thin">
        <color indexed="64"/>
      </left>
      <right/>
      <top style="thin">
        <color theme="2"/>
      </top>
      <bottom style="thin">
        <color indexed="64"/>
      </bottom>
      <diagonal/>
    </border>
    <border>
      <left style="thin">
        <color indexed="64"/>
      </left>
      <right style="thin">
        <color theme="2"/>
      </right>
      <top style="thin">
        <color indexed="64"/>
      </top>
      <bottom style="thin">
        <color theme="2"/>
      </bottom>
      <diagonal/>
    </border>
    <border>
      <left style="thin">
        <color theme="2"/>
      </left>
      <right style="thin">
        <color theme="2"/>
      </right>
      <top style="thin">
        <color indexed="64"/>
      </top>
      <bottom style="thin">
        <color theme="2"/>
      </bottom>
      <diagonal/>
    </border>
    <border>
      <left style="thin">
        <color theme="2"/>
      </left>
      <right style="thin">
        <color indexed="64"/>
      </right>
      <top style="thin">
        <color indexed="64"/>
      </top>
      <bottom style="thin">
        <color theme="2"/>
      </bottom>
      <diagonal/>
    </border>
    <border>
      <left style="thin">
        <color indexed="64"/>
      </left>
      <right/>
      <top style="thin">
        <color theme="2"/>
      </top>
      <bottom/>
      <diagonal/>
    </border>
    <border>
      <left style="thin">
        <color indexed="64"/>
      </left>
      <right/>
      <top/>
      <bottom/>
      <diagonal/>
    </border>
    <border>
      <left style="thin">
        <color indexed="64"/>
      </left>
      <right style="thin">
        <color theme="2"/>
      </right>
      <top style="thin">
        <color theme="2"/>
      </top>
      <bottom style="thin">
        <color indexed="64"/>
      </bottom>
      <diagonal/>
    </border>
    <border>
      <left style="thin">
        <color indexed="64"/>
      </left>
      <right/>
      <top style="thin">
        <color theme="2"/>
      </top>
      <bottom style="thin">
        <color theme="2"/>
      </bottom>
      <diagonal/>
    </border>
    <border>
      <left/>
      <right style="thin">
        <color indexed="64"/>
      </right>
      <top style="thin">
        <color theme="2"/>
      </top>
      <bottom style="thin">
        <color theme="2"/>
      </bottom>
      <diagonal/>
    </border>
    <border>
      <left style="thin">
        <color theme="2"/>
      </left>
      <right style="thin">
        <color indexed="64"/>
      </right>
      <top/>
      <bottom/>
      <diagonal/>
    </border>
    <border>
      <left style="thin">
        <color indexed="64"/>
      </left>
      <right style="thin">
        <color theme="0" tint="-9.9978637043366805E-2"/>
      </right>
      <top style="thin">
        <color theme="0" tint="-9.9978637043366805E-2"/>
      </top>
      <bottom style="thin">
        <color theme="0" tint="-9.9978637043366805E-2"/>
      </bottom>
      <diagonal/>
    </border>
    <border>
      <left style="thin">
        <color indexed="64"/>
      </left>
      <right style="thin">
        <color theme="2"/>
      </right>
      <top style="thin">
        <color indexed="64"/>
      </top>
      <bottom/>
      <diagonal/>
    </border>
    <border>
      <left style="thin">
        <color theme="2"/>
      </left>
      <right style="thin">
        <color theme="2"/>
      </right>
      <top style="thin">
        <color indexed="64"/>
      </top>
      <bottom/>
      <diagonal/>
    </border>
    <border>
      <left style="thin">
        <color theme="2"/>
      </left>
      <right style="thin">
        <color indexed="64"/>
      </right>
      <top style="thin">
        <color indexed="64"/>
      </top>
      <bottom/>
      <diagonal/>
    </border>
    <border>
      <left style="thin">
        <color indexed="64"/>
      </left>
      <right/>
      <top/>
      <bottom style="thin">
        <color theme="2"/>
      </bottom>
      <diagonal/>
    </border>
    <border>
      <left/>
      <right style="thin">
        <color indexed="64"/>
      </right>
      <top/>
      <bottom style="thin">
        <color theme="2"/>
      </bottom>
      <diagonal/>
    </border>
    <border>
      <left style="thin">
        <color theme="2"/>
      </left>
      <right style="thin">
        <color indexed="64"/>
      </right>
      <top style="thin">
        <color theme="2"/>
      </top>
      <bottom/>
      <diagonal/>
    </border>
    <border>
      <left style="thin">
        <color theme="0" tint="-9.9978637043366805E-2"/>
      </left>
      <right style="thin">
        <color indexed="64"/>
      </right>
      <top style="thin">
        <color theme="0" tint="-9.9978637043366805E-2"/>
      </top>
      <bottom style="thin">
        <color theme="0" tint="-9.9978637043366805E-2"/>
      </bottom>
      <diagonal/>
    </border>
    <border>
      <left style="thin">
        <color theme="0" tint="-9.9978637043366805E-2"/>
      </left>
      <right style="thin">
        <color theme="0" tint="-9.9978637043366805E-2"/>
      </right>
      <top style="thin">
        <color theme="0" tint="-9.9978637043366805E-2"/>
      </top>
      <bottom style="thin">
        <color indexed="64"/>
      </bottom>
      <diagonal/>
    </border>
    <border>
      <left style="thin">
        <color theme="2" tint="0.39997558519241921"/>
      </left>
      <right style="thin">
        <color indexed="64"/>
      </right>
      <top style="thin">
        <color theme="2" tint="0.39997558519241921"/>
      </top>
      <bottom style="thin">
        <color indexed="64"/>
      </bottom>
      <diagonal/>
    </border>
    <border>
      <left style="thin">
        <color indexed="64"/>
      </left>
      <right/>
      <top style="thin">
        <color theme="0" tint="-9.9978637043366805E-2"/>
      </top>
      <bottom style="thin">
        <color theme="0" tint="-9.9978637043366805E-2"/>
      </bottom>
      <diagonal/>
    </border>
    <border>
      <left style="thin">
        <color indexed="64"/>
      </left>
      <right/>
      <top style="thin">
        <color theme="0" tint="-9.9978637043366805E-2"/>
      </top>
      <bottom style="thin">
        <color indexed="64"/>
      </bottom>
      <diagonal/>
    </border>
    <border>
      <left style="thin">
        <color indexed="64"/>
      </left>
      <right style="thin">
        <color theme="0" tint="-9.9978637043366805E-2"/>
      </right>
      <top/>
      <bottom style="thin">
        <color theme="0" tint="-9.9978637043366805E-2"/>
      </bottom>
      <diagonal/>
    </border>
    <border>
      <left/>
      <right style="thin">
        <color indexed="64"/>
      </right>
      <top style="thin">
        <color theme="0" tint="-9.9978637043366805E-2"/>
      </top>
      <bottom style="thin">
        <color theme="0" tint="-9.9978637043366805E-2"/>
      </bottom>
      <diagonal/>
    </border>
    <border>
      <left style="thin">
        <color indexed="64"/>
      </left>
      <right/>
      <top style="thin">
        <color theme="2" tint="0.39997558519241921"/>
      </top>
      <bottom/>
      <diagonal/>
    </border>
    <border>
      <left/>
      <right style="thin">
        <color indexed="64"/>
      </right>
      <top style="thin">
        <color theme="2" tint="0.39997558519241921"/>
      </top>
      <bottom/>
      <diagonal/>
    </border>
    <border>
      <left style="thin">
        <color indexed="64"/>
      </left>
      <right style="thin">
        <color theme="2"/>
      </right>
      <top style="thin">
        <color theme="2"/>
      </top>
      <bottom/>
      <diagonal/>
    </border>
    <border>
      <left style="thin">
        <color theme="2" tint="0.39997558519241921"/>
      </left>
      <right style="thin">
        <color indexed="64"/>
      </right>
      <top style="thin">
        <color theme="2" tint="0.39997558519241921"/>
      </top>
      <bottom/>
      <diagonal/>
    </border>
    <border>
      <left style="thin">
        <color theme="2" tint="0.39997558519241921"/>
      </left>
      <right style="thin">
        <color indexed="64"/>
      </right>
      <top/>
      <bottom style="thin">
        <color theme="2" tint="0.39997558519241921"/>
      </bottom>
      <diagonal/>
    </border>
    <border>
      <left style="thin">
        <color indexed="64"/>
      </left>
      <right style="thin">
        <color theme="2" tint="0.39997558519241921"/>
      </right>
      <top/>
      <bottom style="thin">
        <color theme="2" tint="0.39997558519241921"/>
      </bottom>
      <diagonal/>
    </border>
    <border>
      <left style="thin">
        <color indexed="64"/>
      </left>
      <right style="thin">
        <color theme="2" tint="0.39997558519241921"/>
      </right>
      <top style="thin">
        <color theme="2" tint="0.39997558519241921"/>
      </top>
      <bottom style="thin">
        <color theme="2" tint="0.39997558519241921"/>
      </bottom>
      <diagonal/>
    </border>
    <border>
      <left style="thin">
        <color theme="2" tint="0.39997558519241921"/>
      </left>
      <right style="thin">
        <color indexed="64"/>
      </right>
      <top style="thin">
        <color theme="2" tint="0.39997558519241921"/>
      </top>
      <bottom style="thin">
        <color theme="2" tint="0.39997558519241921"/>
      </bottom>
      <diagonal/>
    </border>
    <border>
      <left/>
      <right/>
      <top style="thin">
        <color indexed="64"/>
      </top>
      <bottom/>
      <diagonal/>
    </border>
    <border>
      <left style="thin">
        <color indexed="64"/>
      </left>
      <right style="thin">
        <color theme="2" tint="0.39997558519241921"/>
      </right>
      <top style="thin">
        <color theme="2" tint="0.39997558519241921"/>
      </top>
      <bottom/>
      <diagonal/>
    </border>
    <border>
      <left style="thin">
        <color theme="0" tint="-9.9978637043366805E-2"/>
      </left>
      <right style="thin">
        <color indexed="64"/>
      </right>
      <top style="thin">
        <color theme="0" tint="-9.9978637043366805E-2"/>
      </top>
      <bottom/>
      <diagonal/>
    </border>
    <border>
      <left style="thin">
        <color theme="2"/>
      </left>
      <right style="thin">
        <color indexed="64"/>
      </right>
      <top/>
      <bottom style="thin">
        <color theme="2"/>
      </bottom>
      <diagonal/>
    </border>
    <border>
      <left style="thin">
        <color indexed="64"/>
      </left>
      <right style="thin">
        <color theme="2"/>
      </right>
      <top/>
      <bottom/>
      <diagonal/>
    </border>
  </borders>
  <cellStyleXfs count="4">
    <xf numFmtId="0" fontId="0" fillId="0" borderId="0"/>
    <xf numFmtId="0" fontId="1" fillId="0" borderId="0" applyNumberFormat="0" applyFill="0" applyBorder="0" applyAlignment="0" applyProtection="0"/>
    <xf numFmtId="0" fontId="2" fillId="0" borderId="0"/>
    <xf numFmtId="0" fontId="3" fillId="0" borderId="0"/>
  </cellStyleXfs>
  <cellXfs count="301">
    <xf numFmtId="0" fontId="0" fillId="0" borderId="0" xfId="0"/>
    <xf numFmtId="0" fontId="2" fillId="0" borderId="0" xfId="0" applyFont="1" applyAlignment="1">
      <alignment horizontal="left" vertical="top" wrapText="1"/>
    </xf>
    <xf numFmtId="0" fontId="6" fillId="2" borderId="0" xfId="0" applyFont="1" applyFill="1" applyAlignment="1">
      <alignment horizontal="center" vertical="center" wrapText="1"/>
    </xf>
    <xf numFmtId="0" fontId="6" fillId="2" borderId="0" xfId="0" applyFont="1" applyFill="1" applyAlignment="1">
      <alignment wrapText="1"/>
    </xf>
    <xf numFmtId="0" fontId="5" fillId="2" borderId="0" xfId="0" applyFont="1" applyFill="1" applyAlignment="1">
      <alignment horizontal="center" vertical="center" wrapText="1"/>
    </xf>
    <xf numFmtId="0" fontId="7" fillId="2" borderId="0" xfId="0" applyFont="1" applyFill="1" applyAlignment="1">
      <alignment horizontal="center" vertical="center" wrapText="1"/>
    </xf>
    <xf numFmtId="0" fontId="8" fillId="2" borderId="0" xfId="0" applyFont="1" applyFill="1" applyAlignment="1">
      <alignment horizontal="center" vertical="center" wrapText="1"/>
    </xf>
    <xf numFmtId="0" fontId="2" fillId="2" borderId="0" xfId="0" applyFont="1" applyFill="1"/>
    <xf numFmtId="0" fontId="4" fillId="0" borderId="0" xfId="0" applyFont="1" applyAlignment="1">
      <alignment wrapText="1"/>
    </xf>
    <xf numFmtId="0" fontId="2" fillId="0" borderId="0" xfId="0" applyFont="1" applyAlignment="1">
      <alignment wrapText="1"/>
    </xf>
    <xf numFmtId="0" fontId="4" fillId="2" borderId="22" xfId="0" applyFont="1" applyFill="1" applyBorder="1" applyAlignment="1">
      <alignment wrapText="1"/>
    </xf>
    <xf numFmtId="0" fontId="2" fillId="0" borderId="22" xfId="0" applyFont="1" applyBorder="1" applyAlignment="1">
      <alignment wrapText="1"/>
    </xf>
    <xf numFmtId="0" fontId="2" fillId="0" borderId="22" xfId="0" applyFont="1" applyBorder="1" applyAlignment="1">
      <alignment horizontal="left" vertical="top" wrapText="1"/>
    </xf>
    <xf numFmtId="0" fontId="4" fillId="0" borderId="22" xfId="0" applyFont="1" applyBorder="1" applyAlignment="1">
      <alignment wrapText="1"/>
    </xf>
    <xf numFmtId="0" fontId="6" fillId="2" borderId="0" xfId="0" applyFont="1" applyFill="1" applyAlignment="1">
      <alignment horizontal="left" vertical="top" wrapText="1"/>
    </xf>
    <xf numFmtId="0" fontId="5" fillId="2" borderId="0" xfId="0" applyFont="1" applyFill="1" applyAlignment="1">
      <alignment wrapText="1"/>
    </xf>
    <xf numFmtId="0" fontId="8" fillId="2" borderId="0" xfId="0" applyFont="1" applyFill="1" applyAlignment="1">
      <alignment horizontal="left" vertical="top" wrapText="1"/>
    </xf>
    <xf numFmtId="0" fontId="9" fillId="2" borderId="0" xfId="3" applyFont="1" applyFill="1" applyAlignment="1">
      <alignment horizontal="center"/>
    </xf>
    <xf numFmtId="0" fontId="10" fillId="2" borderId="0" xfId="2" applyFont="1" applyFill="1"/>
    <xf numFmtId="0" fontId="12" fillId="2" borderId="0" xfId="3" applyFont="1" applyFill="1"/>
    <xf numFmtId="0" fontId="12" fillId="2" borderId="0" xfId="3" applyFont="1" applyFill="1" applyAlignment="1">
      <alignment wrapText="1"/>
    </xf>
    <xf numFmtId="0" fontId="13" fillId="2" borderId="0" xfId="0" applyFont="1" applyFill="1" applyAlignment="1">
      <alignment horizontal="center" vertical="center"/>
    </xf>
    <xf numFmtId="0" fontId="13" fillId="2" borderId="0" xfId="0" applyFont="1" applyFill="1" applyAlignment="1">
      <alignment horizontal="center" vertical="center" wrapText="1"/>
    </xf>
    <xf numFmtId="0" fontId="13" fillId="2" borderId="0" xfId="0" applyFont="1" applyFill="1"/>
    <xf numFmtId="0" fontId="10" fillId="2" borderId="0" xfId="0" applyFont="1" applyFill="1" applyAlignment="1">
      <alignment horizontal="center" vertical="center"/>
    </xf>
    <xf numFmtId="0" fontId="10" fillId="2" borderId="0" xfId="0" applyFont="1" applyFill="1" applyAlignment="1">
      <alignment horizontal="center" vertical="center" wrapText="1"/>
    </xf>
    <xf numFmtId="0" fontId="10" fillId="2" borderId="0" xfId="0" applyFont="1" applyFill="1" applyAlignment="1">
      <alignment horizontal="left" vertical="center"/>
    </xf>
    <xf numFmtId="0" fontId="10" fillId="2" borderId="0" xfId="0" applyFont="1" applyFill="1" applyAlignment="1">
      <alignment horizontal="left" vertical="center" wrapText="1"/>
    </xf>
    <xf numFmtId="0" fontId="10" fillId="2" borderId="0" xfId="0" applyFont="1" applyFill="1"/>
    <xf numFmtId="0" fontId="10" fillId="0" borderId="1" xfId="0" applyFont="1" applyBorder="1" applyAlignment="1">
      <alignment horizontal="center" vertical="center" wrapText="1"/>
    </xf>
    <xf numFmtId="17" fontId="10" fillId="0" borderId="1" xfId="0" applyNumberFormat="1" applyFont="1" applyBorder="1" applyAlignment="1">
      <alignment horizontal="center" vertical="center" wrapText="1"/>
    </xf>
    <xf numFmtId="0" fontId="10" fillId="0" borderId="1" xfId="0" applyFont="1" applyBorder="1" applyAlignment="1">
      <alignment horizontal="left" vertical="top" wrapText="1"/>
    </xf>
    <xf numFmtId="17" fontId="10" fillId="0" borderId="1" xfId="0" applyNumberFormat="1" applyFont="1" applyBorder="1" applyAlignment="1">
      <alignment horizontal="left" vertical="top" wrapText="1"/>
    </xf>
    <xf numFmtId="0" fontId="10" fillId="2" borderId="1" xfId="0" applyFont="1" applyFill="1" applyBorder="1" applyAlignment="1">
      <alignment horizontal="center" vertical="center"/>
    </xf>
    <xf numFmtId="17" fontId="10" fillId="2" borderId="1" xfId="0" applyNumberFormat="1" applyFont="1" applyFill="1" applyBorder="1" applyAlignment="1">
      <alignment horizontal="center" vertical="center"/>
    </xf>
    <xf numFmtId="0" fontId="10" fillId="2" borderId="1" xfId="0" applyFont="1" applyFill="1" applyBorder="1" applyAlignment="1">
      <alignment horizontal="center" vertical="center" wrapText="1"/>
    </xf>
    <xf numFmtId="0" fontId="10" fillId="2" borderId="1" xfId="0" applyFont="1" applyFill="1" applyBorder="1" applyAlignment="1">
      <alignment horizontal="left" vertical="top" wrapText="1"/>
    </xf>
    <xf numFmtId="0" fontId="10" fillId="2" borderId="29" xfId="0" applyFont="1" applyFill="1" applyBorder="1" applyAlignment="1">
      <alignment horizontal="center" vertical="center"/>
    </xf>
    <xf numFmtId="17" fontId="10" fillId="2" borderId="29" xfId="0" applyNumberFormat="1" applyFont="1" applyFill="1" applyBorder="1" applyAlignment="1">
      <alignment horizontal="center" vertical="center"/>
    </xf>
    <xf numFmtId="0" fontId="10" fillId="2" borderId="30" xfId="0" applyFont="1" applyFill="1" applyBorder="1" applyAlignment="1">
      <alignment horizontal="center" vertical="center" wrapText="1"/>
    </xf>
    <xf numFmtId="0" fontId="10" fillId="2" borderId="29" xfId="0" applyFont="1" applyFill="1" applyBorder="1" applyAlignment="1">
      <alignment horizontal="center" vertical="center" wrapText="1"/>
    </xf>
    <xf numFmtId="0" fontId="10" fillId="2" borderId="30" xfId="0" applyFont="1" applyFill="1" applyBorder="1" applyAlignment="1">
      <alignment horizontal="left" vertical="top" wrapText="1"/>
    </xf>
    <xf numFmtId="0" fontId="10" fillId="2" borderId="0" xfId="0" applyFont="1" applyFill="1" applyAlignment="1">
      <alignment horizontal="left" vertical="top"/>
    </xf>
    <xf numFmtId="0" fontId="10" fillId="2" borderId="0" xfId="0" applyFont="1" applyFill="1" applyAlignment="1">
      <alignment horizontal="left" vertical="top" wrapText="1"/>
    </xf>
    <xf numFmtId="0" fontId="13" fillId="2" borderId="0" xfId="0" applyFont="1" applyFill="1" applyAlignment="1">
      <alignment horizontal="left" vertical="top" wrapText="1"/>
    </xf>
    <xf numFmtId="17" fontId="10" fillId="2" borderId="1" xfId="0" applyNumberFormat="1" applyFont="1" applyFill="1" applyBorder="1" applyAlignment="1">
      <alignment horizontal="center" vertical="center" wrapText="1"/>
    </xf>
    <xf numFmtId="0" fontId="10" fillId="2" borderId="2" xfId="0" applyFont="1" applyFill="1" applyBorder="1" applyAlignment="1">
      <alignment horizontal="center" vertical="center" wrapText="1"/>
    </xf>
    <xf numFmtId="0" fontId="10" fillId="2" borderId="7" xfId="0" applyFont="1" applyFill="1" applyBorder="1" applyAlignment="1">
      <alignment horizontal="center" vertical="center" wrapText="1"/>
    </xf>
    <xf numFmtId="0" fontId="10" fillId="0" borderId="0" xfId="0" applyFont="1" applyAlignment="1">
      <alignment horizontal="left" vertical="top" wrapText="1"/>
    </xf>
    <xf numFmtId="0" fontId="10" fillId="2" borderId="4" xfId="0" applyFont="1" applyFill="1" applyBorder="1" applyAlignment="1">
      <alignment horizontal="left" vertical="top" wrapText="1"/>
    </xf>
    <xf numFmtId="0" fontId="10" fillId="2" borderId="7" xfId="0" applyFont="1" applyFill="1" applyBorder="1" applyAlignment="1">
      <alignment horizontal="left" vertical="top" wrapText="1"/>
    </xf>
    <xf numFmtId="0" fontId="10" fillId="2" borderId="5" xfId="0" applyFont="1" applyFill="1" applyBorder="1" applyAlignment="1">
      <alignment horizontal="center" vertical="center" wrapText="1"/>
    </xf>
    <xf numFmtId="0" fontId="10" fillId="0" borderId="6" xfId="0" applyFont="1" applyBorder="1" applyAlignment="1">
      <alignment horizontal="left" vertical="top" wrapText="1"/>
    </xf>
    <xf numFmtId="0" fontId="10" fillId="2" borderId="5" xfId="0" applyFont="1" applyFill="1" applyBorder="1" applyAlignment="1">
      <alignment horizontal="left" vertical="top" wrapText="1"/>
    </xf>
    <xf numFmtId="0" fontId="10" fillId="2" borderId="1" xfId="0" applyFont="1" applyFill="1" applyBorder="1" applyAlignment="1">
      <alignment horizontal="left" vertical="center" wrapText="1"/>
    </xf>
    <xf numFmtId="0" fontId="10" fillId="2" borderId="2" xfId="0" applyFont="1" applyFill="1" applyBorder="1" applyAlignment="1">
      <alignment horizontal="left" vertical="top" wrapText="1"/>
    </xf>
    <xf numFmtId="0" fontId="10" fillId="0" borderId="4" xfId="0" applyFont="1" applyBorder="1" applyAlignment="1">
      <alignment horizontal="center" vertical="center" wrapText="1"/>
    </xf>
    <xf numFmtId="17" fontId="10" fillId="2" borderId="4" xfId="0" applyNumberFormat="1" applyFont="1" applyFill="1" applyBorder="1" applyAlignment="1">
      <alignment horizontal="center" vertical="center" wrapText="1"/>
    </xf>
    <xf numFmtId="0" fontId="10" fillId="2" borderId="4" xfId="0" applyFont="1" applyFill="1" applyBorder="1" applyAlignment="1">
      <alignment horizontal="center" vertical="center" wrapText="1"/>
    </xf>
    <xf numFmtId="0" fontId="13" fillId="0" borderId="0" xfId="0" applyFont="1" applyAlignment="1">
      <alignment horizontal="center" vertical="center"/>
    </xf>
    <xf numFmtId="0" fontId="10" fillId="0" borderId="0" xfId="0" applyFont="1" applyAlignment="1">
      <alignment horizontal="center" vertical="center"/>
    </xf>
    <xf numFmtId="0" fontId="10" fillId="0" borderId="0" xfId="0" applyFont="1" applyAlignment="1">
      <alignment horizontal="center" vertical="center" wrapText="1"/>
    </xf>
    <xf numFmtId="0" fontId="10" fillId="0" borderId="0" xfId="0" applyFont="1" applyAlignment="1">
      <alignment horizontal="left" vertical="top"/>
    </xf>
    <xf numFmtId="0" fontId="17" fillId="2" borderId="0" xfId="0" applyFont="1" applyFill="1" applyAlignment="1">
      <alignment horizontal="center" vertical="center"/>
    </xf>
    <xf numFmtId="0" fontId="18" fillId="2" borderId="0" xfId="0" applyFont="1" applyFill="1" applyAlignment="1">
      <alignment horizontal="center" vertical="center"/>
    </xf>
    <xf numFmtId="0" fontId="18" fillId="2" borderId="0" xfId="0" applyFont="1" applyFill="1" applyAlignment="1">
      <alignment horizontal="center" vertical="center" wrapText="1"/>
    </xf>
    <xf numFmtId="0" fontId="18" fillId="2" borderId="0" xfId="0" applyFont="1" applyFill="1" applyAlignment="1">
      <alignment horizontal="left" vertical="top" wrapText="1"/>
    </xf>
    <xf numFmtId="0" fontId="13" fillId="2" borderId="0" xfId="0" applyFont="1" applyFill="1" applyAlignment="1">
      <alignment vertical="center" wrapText="1"/>
    </xf>
    <xf numFmtId="0" fontId="10" fillId="0" borderId="30" xfId="0" applyFont="1" applyBorder="1" applyAlignment="1">
      <alignment horizontal="center" vertical="center" wrapText="1"/>
    </xf>
    <xf numFmtId="17" fontId="10" fillId="2" borderId="30" xfId="0" applyNumberFormat="1" applyFont="1" applyFill="1" applyBorder="1" applyAlignment="1">
      <alignment horizontal="center" vertical="center" wrapText="1"/>
    </xf>
    <xf numFmtId="0" fontId="10" fillId="2" borderId="34" xfId="0" applyFont="1" applyFill="1" applyBorder="1" applyAlignment="1">
      <alignment horizontal="center" vertical="center" wrapText="1"/>
    </xf>
    <xf numFmtId="0" fontId="10" fillId="2" borderId="35" xfId="0" applyFont="1" applyFill="1" applyBorder="1" applyAlignment="1">
      <alignment horizontal="left" vertical="center" wrapText="1"/>
    </xf>
    <xf numFmtId="0" fontId="10" fillId="0" borderId="36" xfId="0" applyFont="1" applyBorder="1" applyAlignment="1">
      <alignment horizontal="left" vertical="top" wrapText="1"/>
    </xf>
    <xf numFmtId="0" fontId="10" fillId="2" borderId="34" xfId="0" applyFont="1" applyFill="1" applyBorder="1" applyAlignment="1">
      <alignment horizontal="left" vertical="top" wrapText="1"/>
    </xf>
    <xf numFmtId="0" fontId="14" fillId="0" borderId="41" xfId="1" applyFont="1" applyBorder="1" applyAlignment="1">
      <alignment horizontal="center" vertical="center"/>
    </xf>
    <xf numFmtId="0" fontId="14" fillId="0" borderId="42" xfId="1" applyFont="1" applyBorder="1" applyAlignment="1">
      <alignment vertical="center" wrapText="1"/>
    </xf>
    <xf numFmtId="0" fontId="14" fillId="0" borderId="43" xfId="1" applyFont="1" applyBorder="1" applyAlignment="1">
      <alignment horizontal="center" vertical="center" wrapText="1"/>
    </xf>
    <xf numFmtId="0" fontId="10" fillId="0" borderId="5" xfId="0" applyFont="1" applyBorder="1" applyAlignment="1">
      <alignment horizontal="center" vertical="center" wrapText="1"/>
    </xf>
    <xf numFmtId="0" fontId="10" fillId="2" borderId="1" xfId="0" applyFont="1" applyFill="1" applyBorder="1" applyAlignment="1">
      <alignment horizontal="justify" vertical="center" wrapText="1"/>
    </xf>
    <xf numFmtId="17" fontId="10" fillId="0" borderId="1" xfId="0" applyNumberFormat="1" applyFont="1" applyBorder="1" applyAlignment="1">
      <alignment horizontal="justify" vertical="center" wrapText="1"/>
    </xf>
    <xf numFmtId="0" fontId="10" fillId="0" borderId="1" xfId="0" applyFont="1" applyBorder="1" applyAlignment="1">
      <alignment horizontal="justify" vertical="center" wrapText="1"/>
    </xf>
    <xf numFmtId="17" fontId="10" fillId="2" borderId="1" xfId="0" applyNumberFormat="1" applyFont="1" applyFill="1" applyBorder="1" applyAlignment="1">
      <alignment horizontal="justify" vertical="center" wrapText="1"/>
    </xf>
    <xf numFmtId="0" fontId="10" fillId="2" borderId="7" xfId="0" applyFont="1" applyFill="1" applyBorder="1" applyAlignment="1">
      <alignment horizontal="left" vertical="center" wrapText="1"/>
    </xf>
    <xf numFmtId="0" fontId="10" fillId="2" borderId="22" xfId="0" applyFont="1" applyFill="1" applyBorder="1" applyAlignment="1">
      <alignment horizontal="center" vertical="center" wrapText="1"/>
    </xf>
    <xf numFmtId="0" fontId="11" fillId="7" borderId="12" xfId="2" applyFont="1" applyFill="1" applyBorder="1" applyAlignment="1">
      <alignment horizontal="left" vertical="top" wrapText="1"/>
    </xf>
    <xf numFmtId="0" fontId="11" fillId="7" borderId="13" xfId="2" applyFont="1" applyFill="1" applyBorder="1" applyAlignment="1">
      <alignment horizontal="left" vertical="top" wrapText="1"/>
    </xf>
    <xf numFmtId="0" fontId="19" fillId="4" borderId="44" xfId="0" applyFont="1" applyFill="1" applyBorder="1" applyAlignment="1">
      <alignment horizontal="center" vertical="center" wrapText="1"/>
    </xf>
    <xf numFmtId="0" fontId="19" fillId="4" borderId="45" xfId="0" applyFont="1" applyFill="1" applyBorder="1" applyAlignment="1">
      <alignment horizontal="center" vertical="center" wrapText="1"/>
    </xf>
    <xf numFmtId="0" fontId="19" fillId="4" borderId="46" xfId="0" applyFont="1" applyFill="1" applyBorder="1" applyAlignment="1">
      <alignment horizontal="center" vertical="center" wrapText="1"/>
    </xf>
    <xf numFmtId="0" fontId="13" fillId="3" borderId="47" xfId="0" applyFont="1" applyFill="1" applyBorder="1" applyAlignment="1">
      <alignment horizontal="center" vertical="center" wrapText="1"/>
    </xf>
    <xf numFmtId="0" fontId="14" fillId="0" borderId="39" xfId="1" applyFont="1" applyFill="1" applyBorder="1" applyAlignment="1">
      <alignment horizontal="center" vertical="center" wrapText="1" readingOrder="1"/>
    </xf>
    <xf numFmtId="0" fontId="14" fillId="2" borderId="39" xfId="1" applyFont="1" applyFill="1" applyBorder="1" applyAlignment="1">
      <alignment horizontal="center" vertical="center" wrapText="1"/>
    </xf>
    <xf numFmtId="0" fontId="13" fillId="3" borderId="48" xfId="0" applyFont="1" applyFill="1" applyBorder="1" applyAlignment="1">
      <alignment horizontal="center" vertical="center" wrapText="1"/>
    </xf>
    <xf numFmtId="0" fontId="1" fillId="2" borderId="38" xfId="1" applyFill="1" applyBorder="1" applyAlignment="1">
      <alignment horizontal="center" vertical="center" wrapText="1"/>
    </xf>
    <xf numFmtId="0" fontId="19" fillId="4" borderId="49" xfId="0" applyFont="1" applyFill="1" applyBorder="1" applyAlignment="1">
      <alignment horizontal="center" vertical="center" wrapText="1"/>
    </xf>
    <xf numFmtId="0" fontId="19" fillId="4" borderId="50" xfId="0" applyFont="1" applyFill="1" applyBorder="1" applyAlignment="1">
      <alignment horizontal="center" vertical="center" wrapText="1"/>
    </xf>
    <xf numFmtId="0" fontId="19" fillId="4" borderId="51" xfId="0" applyFont="1" applyFill="1" applyBorder="1" applyAlignment="1">
      <alignment horizontal="center" vertical="center" wrapText="1"/>
    </xf>
    <xf numFmtId="0" fontId="13" fillId="5" borderId="47" xfId="0" applyFont="1" applyFill="1" applyBorder="1" applyAlignment="1">
      <alignment horizontal="center" vertical="center" wrapText="1"/>
    </xf>
    <xf numFmtId="0" fontId="13" fillId="5" borderId="54" xfId="0" applyFont="1" applyFill="1" applyBorder="1" applyAlignment="1">
      <alignment horizontal="center" vertical="center" wrapText="1"/>
    </xf>
    <xf numFmtId="0" fontId="16" fillId="0" borderId="41" xfId="1" applyFont="1" applyBorder="1" applyAlignment="1">
      <alignment horizontal="center" vertical="center" wrapText="1"/>
    </xf>
    <xf numFmtId="0" fontId="15" fillId="0" borderId="41" xfId="1" applyFont="1" applyFill="1" applyBorder="1" applyAlignment="1">
      <alignment horizontal="center" vertical="center" wrapText="1"/>
    </xf>
    <xf numFmtId="0" fontId="14" fillId="0" borderId="39" xfId="1" applyFont="1" applyFill="1" applyBorder="1" applyAlignment="1">
      <alignment horizontal="left" vertical="top" wrapText="1"/>
    </xf>
    <xf numFmtId="0" fontId="14" fillId="0" borderId="39" xfId="1" applyFont="1" applyFill="1" applyBorder="1" applyAlignment="1">
      <alignment horizontal="justify" vertical="center" wrapText="1"/>
    </xf>
    <xf numFmtId="0" fontId="15" fillId="0" borderId="42" xfId="1" applyFont="1" applyFill="1" applyBorder="1" applyAlignment="1">
      <alignment horizontal="center" vertical="center"/>
    </xf>
    <xf numFmtId="0" fontId="14" fillId="0" borderId="39" xfId="1" applyFont="1" applyBorder="1" applyAlignment="1">
      <alignment horizontal="justify" vertical="center" wrapText="1"/>
    </xf>
    <xf numFmtId="0" fontId="15" fillId="0" borderId="39" xfId="1" applyFont="1" applyBorder="1" applyAlignment="1">
      <alignment horizontal="center" vertical="center" wrapText="1"/>
    </xf>
    <xf numFmtId="0" fontId="14" fillId="0" borderId="57" xfId="1" applyFont="1" applyFill="1" applyBorder="1" applyAlignment="1">
      <alignment horizontal="center" vertical="center" wrapText="1"/>
    </xf>
    <xf numFmtId="0" fontId="15" fillId="0" borderId="39" xfId="1" applyFont="1" applyFill="1" applyBorder="1" applyAlignment="1">
      <alignment horizontal="center" vertical="center" wrapText="1"/>
    </xf>
    <xf numFmtId="0" fontId="14" fillId="0" borderId="39" xfId="1" applyFont="1" applyBorder="1" applyAlignment="1">
      <alignment horizontal="center" vertical="center" wrapText="1"/>
    </xf>
    <xf numFmtId="0" fontId="15" fillId="0" borderId="42" xfId="1" applyFont="1" applyFill="1" applyBorder="1" applyAlignment="1">
      <alignment vertical="center"/>
    </xf>
    <xf numFmtId="0" fontId="15" fillId="0" borderId="42" xfId="1" applyFont="1" applyBorder="1" applyAlignment="1">
      <alignment horizontal="center" vertical="center"/>
    </xf>
    <xf numFmtId="0" fontId="10" fillId="2" borderId="30" xfId="0" applyFont="1" applyFill="1" applyBorder="1" applyAlignment="1">
      <alignment horizontal="justify" vertical="center" wrapText="1"/>
    </xf>
    <xf numFmtId="0" fontId="10" fillId="0" borderId="30" xfId="0" applyFont="1" applyBorder="1" applyAlignment="1">
      <alignment horizontal="left" vertical="top" wrapText="1"/>
    </xf>
    <xf numFmtId="0" fontId="14" fillId="0" borderId="43" xfId="1" applyFont="1" applyFill="1" applyBorder="1" applyAlignment="1">
      <alignment horizontal="justify" vertical="center" wrapText="1"/>
    </xf>
    <xf numFmtId="0" fontId="13" fillId="5" borderId="53" xfId="0" applyFont="1" applyFill="1" applyBorder="1" applyAlignment="1">
      <alignment horizontal="center" vertical="center" wrapText="1"/>
    </xf>
    <xf numFmtId="0" fontId="10" fillId="0" borderId="2" xfId="0" applyFont="1" applyBorder="1" applyAlignment="1">
      <alignment horizontal="left" vertical="top" wrapText="1"/>
    </xf>
    <xf numFmtId="0" fontId="10" fillId="2" borderId="8" xfId="0" applyFont="1" applyFill="1" applyBorder="1" applyAlignment="1">
      <alignment horizontal="left" vertical="top" wrapText="1"/>
    </xf>
    <xf numFmtId="0" fontId="14" fillId="0" borderId="64" xfId="1" applyFont="1" applyBorder="1" applyAlignment="1">
      <alignment horizontal="center" vertical="center" wrapText="1"/>
    </xf>
    <xf numFmtId="0" fontId="14" fillId="0" borderId="65" xfId="1" applyFont="1" applyBorder="1" applyAlignment="1">
      <alignment horizontal="center" vertical="center" wrapText="1"/>
    </xf>
    <xf numFmtId="0" fontId="15" fillId="0" borderId="42" xfId="1" applyFont="1" applyFill="1" applyBorder="1" applyAlignment="1">
      <alignment vertical="center" wrapText="1"/>
    </xf>
    <xf numFmtId="0" fontId="10" fillId="2" borderId="35" xfId="0" applyFont="1" applyFill="1" applyBorder="1" applyAlignment="1">
      <alignment horizontal="center" vertical="center" wrapText="1"/>
    </xf>
    <xf numFmtId="0" fontId="10" fillId="0" borderId="66" xfId="0" applyFont="1" applyBorder="1" applyAlignment="1">
      <alignment horizontal="left" vertical="top" wrapText="1"/>
    </xf>
    <xf numFmtId="0" fontId="10" fillId="2" borderId="29" xfId="0" applyFont="1" applyFill="1" applyBorder="1" applyAlignment="1">
      <alignment horizontal="left" vertical="top" wrapText="1"/>
    </xf>
    <xf numFmtId="0" fontId="10" fillId="2" borderId="35" xfId="0" applyFont="1" applyFill="1" applyBorder="1" applyAlignment="1">
      <alignment horizontal="left" vertical="top" wrapText="1"/>
    </xf>
    <xf numFmtId="0" fontId="14" fillId="0" borderId="67" xfId="1" applyFont="1" applyBorder="1" applyAlignment="1">
      <alignment horizontal="justify" vertical="center" wrapText="1"/>
    </xf>
    <xf numFmtId="0" fontId="19" fillId="4" borderId="59" xfId="0" applyFont="1" applyFill="1" applyBorder="1" applyAlignment="1">
      <alignment horizontal="center" vertical="center" wrapText="1"/>
    </xf>
    <xf numFmtId="0" fontId="19" fillId="4" borderId="60" xfId="0" applyFont="1" applyFill="1" applyBorder="1" applyAlignment="1">
      <alignment horizontal="center" vertical="center" wrapText="1"/>
    </xf>
    <xf numFmtId="0" fontId="19" fillId="4" borderId="61" xfId="0" applyFont="1" applyFill="1" applyBorder="1" applyAlignment="1">
      <alignment horizontal="center" vertical="center" wrapText="1"/>
    </xf>
    <xf numFmtId="0" fontId="4" fillId="2" borderId="24" xfId="0" applyFont="1" applyFill="1" applyBorder="1" applyAlignment="1">
      <alignment wrapText="1"/>
    </xf>
    <xf numFmtId="0" fontId="2" fillId="0" borderId="24" xfId="0" applyFont="1" applyBorder="1" applyAlignment="1">
      <alignment wrapText="1"/>
    </xf>
    <xf numFmtId="0" fontId="2" fillId="0" borderId="24" xfId="0" applyFont="1" applyBorder="1" applyAlignment="1">
      <alignment horizontal="left" vertical="top" wrapText="1"/>
    </xf>
    <xf numFmtId="0" fontId="13" fillId="5" borderId="68" xfId="0" applyFont="1" applyFill="1" applyBorder="1" applyAlignment="1">
      <alignment horizontal="center" vertical="center" wrapText="1"/>
    </xf>
    <xf numFmtId="0" fontId="13" fillId="5" borderId="69" xfId="0" applyFont="1" applyFill="1" applyBorder="1" applyAlignment="1">
      <alignment horizontal="center" vertical="center" wrapText="1"/>
    </xf>
    <xf numFmtId="0" fontId="10" fillId="0" borderId="30" xfId="0" applyFont="1" applyBorder="1" applyAlignment="1">
      <alignment horizontal="justify" vertical="center" wrapText="1"/>
    </xf>
    <xf numFmtId="17" fontId="10" fillId="0" borderId="30" xfId="0" applyNumberFormat="1" applyFont="1" applyBorder="1" applyAlignment="1">
      <alignment horizontal="justify" vertical="center" wrapText="1"/>
    </xf>
    <xf numFmtId="0" fontId="10" fillId="0" borderId="27" xfId="0" applyFont="1" applyBorder="1" applyAlignment="1">
      <alignment horizontal="justify" vertical="center"/>
    </xf>
    <xf numFmtId="0" fontId="10" fillId="2" borderId="25" xfId="0" applyFont="1" applyFill="1" applyBorder="1" applyAlignment="1">
      <alignment horizontal="center" vertical="center" wrapText="1"/>
    </xf>
    <xf numFmtId="0" fontId="10" fillId="2" borderId="26" xfId="0" applyFont="1" applyFill="1" applyBorder="1" applyAlignment="1">
      <alignment horizontal="center" vertical="center" wrapText="1"/>
    </xf>
    <xf numFmtId="0" fontId="10" fillId="2" borderId="3" xfId="0" applyFont="1" applyFill="1" applyBorder="1" applyAlignment="1">
      <alignment horizontal="center" vertical="center" wrapText="1"/>
    </xf>
    <xf numFmtId="0" fontId="10" fillId="2" borderId="3" xfId="0" applyFont="1" applyFill="1" applyBorder="1" applyAlignment="1">
      <alignment horizontal="left" vertical="top" wrapText="1"/>
    </xf>
    <xf numFmtId="0" fontId="10" fillId="2" borderId="1" xfId="0" applyFont="1" applyFill="1" applyBorder="1" applyAlignment="1">
      <alignment horizontal="justify" vertical="center"/>
    </xf>
    <xf numFmtId="17" fontId="10" fillId="0" borderId="1" xfId="0" applyNumberFormat="1" applyFont="1" applyBorder="1" applyAlignment="1">
      <alignment horizontal="center" vertical="center"/>
    </xf>
    <xf numFmtId="0" fontId="10" fillId="0" borderId="1" xfId="0" applyFont="1" applyBorder="1" applyAlignment="1">
      <alignment horizontal="center" vertical="center"/>
    </xf>
    <xf numFmtId="0" fontId="10" fillId="0" borderId="1" xfId="0" applyFont="1" applyBorder="1" applyAlignment="1">
      <alignment horizontal="left" vertical="top"/>
    </xf>
    <xf numFmtId="0" fontId="10" fillId="2" borderId="1" xfId="0" applyFont="1" applyFill="1" applyBorder="1" applyAlignment="1">
      <alignment horizontal="left" vertical="top"/>
    </xf>
    <xf numFmtId="17" fontId="10" fillId="2" borderId="1" xfId="0" applyNumberFormat="1" applyFont="1" applyFill="1" applyBorder="1" applyAlignment="1">
      <alignment horizontal="justify" vertical="center"/>
    </xf>
    <xf numFmtId="0" fontId="10" fillId="0" borderId="1" xfId="0" applyFont="1" applyBorder="1" applyAlignment="1">
      <alignment horizontal="justify" vertical="center"/>
    </xf>
    <xf numFmtId="0" fontId="10" fillId="2" borderId="1" xfId="0" applyFont="1" applyFill="1" applyBorder="1" applyAlignment="1">
      <alignment horizontal="justify" vertical="top"/>
    </xf>
    <xf numFmtId="0" fontId="20" fillId="0" borderId="1" xfId="0" applyFont="1" applyBorder="1" applyAlignment="1">
      <alignment horizontal="left" vertical="top" wrapText="1"/>
    </xf>
    <xf numFmtId="0" fontId="10" fillId="2" borderId="24" xfId="0" applyFont="1" applyFill="1" applyBorder="1" applyAlignment="1">
      <alignment horizontal="justify" vertical="center"/>
    </xf>
    <xf numFmtId="17" fontId="10" fillId="2" borderId="24" xfId="0" applyNumberFormat="1" applyFont="1" applyFill="1" applyBorder="1" applyAlignment="1">
      <alignment horizontal="center" vertical="center"/>
    </xf>
    <xf numFmtId="0" fontId="10" fillId="2" borderId="24" xfId="0" applyFont="1" applyFill="1" applyBorder="1" applyAlignment="1">
      <alignment horizontal="center" vertical="center"/>
    </xf>
    <xf numFmtId="0" fontId="10" fillId="2" borderId="24" xfId="0" applyFont="1" applyFill="1" applyBorder="1" applyAlignment="1">
      <alignment horizontal="center" vertical="center" wrapText="1"/>
    </xf>
    <xf numFmtId="0" fontId="10" fillId="2" borderId="24" xfId="0" applyFont="1" applyFill="1" applyBorder="1" applyAlignment="1">
      <alignment horizontal="left" vertical="top" wrapText="1"/>
    </xf>
    <xf numFmtId="0" fontId="10" fillId="2" borderId="24" xfId="0" applyFont="1" applyFill="1" applyBorder="1" applyAlignment="1">
      <alignment horizontal="left" vertical="top"/>
    </xf>
    <xf numFmtId="0" fontId="10" fillId="0" borderId="22" xfId="0" applyFont="1" applyBorder="1" applyAlignment="1">
      <alignment horizontal="justify" vertical="center"/>
    </xf>
    <xf numFmtId="15" fontId="10" fillId="0" borderId="22" xfId="0" applyNumberFormat="1" applyFont="1" applyBorder="1" applyAlignment="1">
      <alignment horizontal="center" vertical="center"/>
    </xf>
    <xf numFmtId="0" fontId="10" fillId="0" borderId="22" xfId="0" applyFont="1" applyBorder="1" applyAlignment="1">
      <alignment horizontal="left" vertical="top" wrapText="1"/>
    </xf>
    <xf numFmtId="0" fontId="10" fillId="0" borderId="22" xfId="0" applyFont="1" applyBorder="1" applyAlignment="1">
      <alignment horizontal="left" vertical="top"/>
    </xf>
    <xf numFmtId="0" fontId="10" fillId="2" borderId="22" xfId="0" applyFont="1" applyFill="1" applyBorder="1" applyAlignment="1">
      <alignment horizontal="justify" vertical="center"/>
    </xf>
    <xf numFmtId="0" fontId="10" fillId="2" borderId="22" xfId="0" applyFont="1" applyFill="1" applyBorder="1" applyAlignment="1">
      <alignment horizontal="center" vertical="center"/>
    </xf>
    <xf numFmtId="0" fontId="10" fillId="2" borderId="22" xfId="0" applyFont="1" applyFill="1" applyBorder="1" applyAlignment="1">
      <alignment horizontal="left" vertical="top" wrapText="1"/>
    </xf>
    <xf numFmtId="0" fontId="10" fillId="2" borderId="22" xfId="0" applyFont="1" applyFill="1" applyBorder="1" applyAlignment="1">
      <alignment horizontal="left" vertical="top"/>
    </xf>
    <xf numFmtId="0" fontId="14" fillId="0" borderId="39" xfId="1" applyFont="1" applyBorder="1" applyAlignment="1">
      <alignment horizontal="justify" vertical="center"/>
    </xf>
    <xf numFmtId="0" fontId="14" fillId="2" borderId="39" xfId="1" applyFont="1" applyFill="1" applyBorder="1" applyAlignment="1">
      <alignment horizontal="center" vertical="center" wrapText="1" readingOrder="1"/>
    </xf>
    <xf numFmtId="0" fontId="15" fillId="0" borderId="39" xfId="1" applyFont="1" applyBorder="1" applyAlignment="1">
      <alignment horizontal="justify" vertical="center"/>
    </xf>
    <xf numFmtId="0" fontId="14" fillId="0" borderId="39" xfId="1" applyFont="1" applyBorder="1" applyAlignment="1">
      <alignment horizontal="justify" vertical="top"/>
    </xf>
    <xf numFmtId="0" fontId="15" fillId="0" borderId="42" xfId="1" applyFont="1" applyBorder="1" applyAlignment="1">
      <alignment horizontal="center" vertical="center" wrapText="1"/>
    </xf>
    <xf numFmtId="0" fontId="10" fillId="0" borderId="0" xfId="0" applyFont="1" applyAlignment="1">
      <alignment horizontal="justify" vertical="top" wrapText="1"/>
    </xf>
    <xf numFmtId="0" fontId="10" fillId="0" borderId="0" xfId="0" applyFont="1" applyAlignment="1">
      <alignment horizontal="justify" vertical="top"/>
    </xf>
    <xf numFmtId="0" fontId="15" fillId="0" borderId="42" xfId="1" applyFont="1" applyFill="1" applyBorder="1" applyAlignment="1">
      <alignment horizontal="justify" vertical="top"/>
    </xf>
    <xf numFmtId="0" fontId="14" fillId="0" borderId="39" xfId="1" applyFont="1" applyBorder="1" applyAlignment="1">
      <alignment horizontal="center" vertical="center"/>
    </xf>
    <xf numFmtId="0" fontId="13" fillId="5" borderId="55" xfId="0" applyFont="1" applyFill="1" applyBorder="1" applyAlignment="1">
      <alignment horizontal="center" vertical="center" wrapText="1"/>
    </xf>
    <xf numFmtId="0" fontId="13" fillId="5" borderId="47" xfId="0" applyFont="1" applyFill="1" applyBorder="1" applyAlignment="1">
      <alignment horizontal="center" vertical="center"/>
    </xf>
    <xf numFmtId="0" fontId="13" fillId="5" borderId="70" xfId="0" applyFont="1" applyFill="1" applyBorder="1" applyAlignment="1">
      <alignment horizontal="center" vertical="center"/>
    </xf>
    <xf numFmtId="0" fontId="13" fillId="5" borderId="58" xfId="0" applyFont="1" applyFill="1" applyBorder="1" applyAlignment="1">
      <alignment horizontal="center" vertical="center"/>
    </xf>
    <xf numFmtId="0" fontId="10" fillId="2" borderId="0" xfId="0" applyFont="1" applyFill="1" applyAlignment="1">
      <alignment wrapText="1"/>
    </xf>
    <xf numFmtId="0" fontId="10" fillId="0" borderId="1" xfId="0" applyFont="1" applyBorder="1" applyAlignment="1">
      <alignment horizontal="left" vertical="center" wrapText="1"/>
    </xf>
    <xf numFmtId="0" fontId="17" fillId="2" borderId="0" xfId="0" applyFont="1" applyFill="1" applyAlignment="1">
      <alignment horizontal="center" vertical="center" wrapText="1"/>
    </xf>
    <xf numFmtId="0" fontId="14" fillId="0" borderId="42" xfId="1" applyFont="1" applyBorder="1" applyAlignment="1">
      <alignment horizontal="justify" vertical="center"/>
    </xf>
    <xf numFmtId="0" fontId="13" fillId="2" borderId="0" xfId="0" applyFont="1" applyFill="1" applyAlignment="1">
      <alignment wrapText="1"/>
    </xf>
    <xf numFmtId="0" fontId="10" fillId="2" borderId="9" xfId="0" applyFont="1" applyFill="1" applyBorder="1" applyAlignment="1">
      <alignment horizontal="left" vertical="top" wrapText="1"/>
    </xf>
    <xf numFmtId="0" fontId="10" fillId="2" borderId="11" xfId="0" applyFont="1" applyFill="1" applyBorder="1" applyAlignment="1">
      <alignment horizontal="left" vertical="top" wrapText="1"/>
    </xf>
    <xf numFmtId="0" fontId="10" fillId="0" borderId="23" xfId="0" applyFont="1" applyBorder="1" applyAlignment="1">
      <alignment horizontal="center" vertical="center" wrapText="1"/>
    </xf>
    <xf numFmtId="17" fontId="10" fillId="2" borderId="23" xfId="0" applyNumberFormat="1" applyFont="1" applyFill="1" applyBorder="1" applyAlignment="1">
      <alignment horizontal="center" vertical="center" wrapText="1"/>
    </xf>
    <xf numFmtId="0" fontId="10" fillId="2" borderId="23" xfId="0" applyFont="1" applyFill="1" applyBorder="1" applyAlignment="1">
      <alignment horizontal="center" vertical="center" wrapText="1"/>
    </xf>
    <xf numFmtId="0" fontId="10" fillId="2" borderId="23" xfId="0" applyFont="1" applyFill="1" applyBorder="1" applyAlignment="1">
      <alignment horizontal="left" vertical="top" wrapText="1"/>
    </xf>
    <xf numFmtId="0" fontId="10" fillId="0" borderId="7" xfId="0" applyFont="1" applyBorder="1" applyAlignment="1">
      <alignment horizontal="center" vertical="center" wrapText="1"/>
    </xf>
    <xf numFmtId="17" fontId="10" fillId="2" borderId="7" xfId="0" applyNumberFormat="1" applyFont="1" applyFill="1" applyBorder="1" applyAlignment="1">
      <alignment horizontal="center" vertical="center" wrapText="1"/>
    </xf>
    <xf numFmtId="0" fontId="14" fillId="0" borderId="41" xfId="1" applyFont="1" applyBorder="1" applyAlignment="1">
      <alignment horizontal="justify" vertical="center" wrapText="1"/>
    </xf>
    <xf numFmtId="0" fontId="15" fillId="0" borderId="42" xfId="1" applyFont="1" applyBorder="1" applyAlignment="1">
      <alignment horizontal="left" vertical="center" wrapText="1"/>
    </xf>
    <xf numFmtId="0" fontId="14" fillId="0" borderId="75" xfId="1" applyFont="1" applyBorder="1" applyAlignment="1">
      <alignment horizontal="justify" vertical="center" wrapText="1"/>
    </xf>
    <xf numFmtId="0" fontId="14" fillId="0" borderId="76" xfId="1" applyFont="1" applyBorder="1" applyAlignment="1">
      <alignment horizontal="justify" vertical="center" wrapText="1"/>
    </xf>
    <xf numFmtId="0" fontId="13" fillId="5" borderId="52" xfId="0" applyFont="1" applyFill="1" applyBorder="1" applyAlignment="1">
      <alignment horizontal="center" vertical="center" wrapText="1"/>
    </xf>
    <xf numFmtId="0" fontId="13" fillId="5" borderId="74" xfId="0" applyFont="1" applyFill="1" applyBorder="1" applyAlignment="1">
      <alignment horizontal="center" vertical="center" wrapText="1"/>
    </xf>
    <xf numFmtId="0" fontId="13" fillId="5" borderId="77" xfId="0" applyFont="1" applyFill="1" applyBorder="1" applyAlignment="1">
      <alignment horizontal="center" vertical="center" wrapText="1"/>
    </xf>
    <xf numFmtId="0" fontId="13" fillId="5" borderId="78" xfId="0" applyFont="1" applyFill="1" applyBorder="1" applyAlignment="1">
      <alignment horizontal="center" vertical="center" wrapText="1"/>
    </xf>
    <xf numFmtId="0" fontId="12" fillId="2" borderId="0" xfId="0" applyFont="1" applyFill="1" applyAlignment="1">
      <alignment wrapText="1"/>
    </xf>
    <xf numFmtId="0" fontId="12" fillId="2" borderId="0" xfId="0" applyFont="1" applyFill="1" applyAlignment="1">
      <alignment horizontal="center" vertical="center" wrapText="1"/>
    </xf>
    <xf numFmtId="0" fontId="12" fillId="2" borderId="0" xfId="0" applyFont="1" applyFill="1" applyAlignment="1">
      <alignment horizontal="left" vertical="top" wrapText="1"/>
    </xf>
    <xf numFmtId="0" fontId="21" fillId="2" borderId="0" xfId="0" applyFont="1" applyFill="1" applyAlignment="1">
      <alignment horizontal="center" vertical="center" wrapText="1"/>
    </xf>
    <xf numFmtId="0" fontId="22" fillId="2" borderId="0" xfId="0" applyFont="1" applyFill="1" applyAlignment="1">
      <alignment horizontal="center" vertical="center" wrapText="1"/>
    </xf>
    <xf numFmtId="0" fontId="22" fillId="2" borderId="0" xfId="0" applyFont="1" applyFill="1" applyAlignment="1">
      <alignment horizontal="left" vertical="top" wrapText="1"/>
    </xf>
    <xf numFmtId="0" fontId="14" fillId="0" borderId="65" xfId="1" applyFont="1" applyBorder="1" applyAlignment="1">
      <alignment horizontal="justify" vertical="center" wrapText="1"/>
    </xf>
    <xf numFmtId="0" fontId="15" fillId="0" borderId="65" xfId="1" applyFont="1" applyFill="1" applyBorder="1" applyAlignment="1">
      <alignment horizontal="justify" vertical="center" wrapText="1"/>
    </xf>
    <xf numFmtId="17" fontId="10" fillId="0" borderId="0" xfId="0" applyNumberFormat="1" applyFont="1" applyAlignment="1">
      <alignment horizontal="center" vertical="center" wrapText="1"/>
    </xf>
    <xf numFmtId="0" fontId="15" fillId="0" borderId="42" xfId="1" applyFont="1" applyFill="1" applyBorder="1" applyAlignment="1">
      <alignment horizontal="justify" vertical="center" wrapText="1"/>
    </xf>
    <xf numFmtId="0" fontId="15" fillId="0" borderId="42" xfId="1" applyFont="1" applyBorder="1" applyAlignment="1">
      <alignment horizontal="left" vertical="center"/>
    </xf>
    <xf numFmtId="0" fontId="12" fillId="0" borderId="0" xfId="0" applyFont="1" applyAlignment="1">
      <alignment horizontal="center" vertical="center" wrapText="1"/>
    </xf>
    <xf numFmtId="0" fontId="12" fillId="0" borderId="0" xfId="0" applyFont="1" applyAlignment="1">
      <alignment horizontal="left" vertical="top" wrapText="1"/>
    </xf>
    <xf numFmtId="0" fontId="10" fillId="2" borderId="4" xfId="0" applyFont="1" applyFill="1" applyBorder="1" applyAlignment="1">
      <alignment horizontal="left" vertical="center" wrapText="1"/>
    </xf>
    <xf numFmtId="0" fontId="12" fillId="0" borderId="80" xfId="0" applyFont="1" applyBorder="1" applyAlignment="1">
      <alignment horizontal="center" vertical="center" wrapText="1"/>
    </xf>
    <xf numFmtId="0" fontId="12" fillId="2" borderId="80" xfId="0" applyFont="1" applyFill="1" applyBorder="1" applyAlignment="1">
      <alignment horizontal="center" vertical="center" wrapText="1"/>
    </xf>
    <xf numFmtId="0" fontId="12" fillId="0" borderId="80" xfId="0" applyFont="1" applyBorder="1" applyAlignment="1">
      <alignment horizontal="left" vertical="top" wrapText="1"/>
    </xf>
    <xf numFmtId="0" fontId="13" fillId="5" borderId="81" xfId="0" applyFont="1" applyFill="1" applyBorder="1" applyAlignment="1">
      <alignment horizontal="center" vertical="center" wrapText="1"/>
    </xf>
    <xf numFmtId="0" fontId="10" fillId="0" borderId="9" xfId="0" applyFont="1" applyBorder="1" applyAlignment="1">
      <alignment horizontal="center" vertical="center" wrapText="1"/>
    </xf>
    <xf numFmtId="0" fontId="10" fillId="2" borderId="9" xfId="0" applyFont="1" applyFill="1" applyBorder="1" applyAlignment="1">
      <alignment horizontal="center" vertical="center" wrapText="1"/>
    </xf>
    <xf numFmtId="0" fontId="14" fillId="0" borderId="75" xfId="1" applyFont="1" applyBorder="1" applyAlignment="1">
      <alignment horizontal="center" vertical="center" wrapText="1"/>
    </xf>
    <xf numFmtId="0" fontId="13" fillId="0" borderId="0" xfId="0" applyFont="1" applyAlignment="1">
      <alignment horizontal="center" vertical="center" wrapText="1"/>
    </xf>
    <xf numFmtId="0" fontId="13" fillId="0" borderId="80" xfId="0" applyFont="1" applyBorder="1" applyAlignment="1">
      <alignment horizontal="center" vertical="center" wrapText="1"/>
    </xf>
    <xf numFmtId="0" fontId="10" fillId="2" borderId="80" xfId="0" applyFont="1" applyFill="1" applyBorder="1" applyAlignment="1">
      <alignment horizontal="center" vertical="center" wrapText="1"/>
    </xf>
    <xf numFmtId="0" fontId="10" fillId="0" borderId="80" xfId="0" applyFont="1" applyBorder="1" applyAlignment="1">
      <alignment horizontal="center" vertical="center" wrapText="1"/>
    </xf>
    <xf numFmtId="0" fontId="10" fillId="0" borderId="80" xfId="0" applyFont="1" applyBorder="1" applyAlignment="1">
      <alignment horizontal="left" vertical="top" wrapText="1"/>
    </xf>
    <xf numFmtId="0" fontId="10" fillId="0" borderId="4" xfId="0" applyFont="1" applyBorder="1" applyAlignment="1">
      <alignment horizontal="left" vertical="center" wrapText="1"/>
    </xf>
    <xf numFmtId="17" fontId="10" fillId="2" borderId="4" xfId="0" applyNumberFormat="1" applyFont="1" applyFill="1" applyBorder="1" applyAlignment="1">
      <alignment horizontal="left" vertical="center" wrapText="1"/>
    </xf>
    <xf numFmtId="0" fontId="14" fillId="0" borderId="82" xfId="1" applyFont="1" applyBorder="1" applyAlignment="1">
      <alignment horizontal="left" vertical="center" wrapText="1"/>
    </xf>
    <xf numFmtId="17" fontId="10" fillId="2" borderId="0" xfId="0" applyNumberFormat="1" applyFont="1" applyFill="1" applyAlignment="1">
      <alignment horizontal="center" vertical="center" wrapText="1"/>
    </xf>
    <xf numFmtId="0" fontId="14" fillId="2" borderId="0" xfId="1" applyFont="1" applyFill="1" applyBorder="1" applyAlignment="1">
      <alignment horizontal="center" vertical="center" wrapText="1" readingOrder="1"/>
    </xf>
    <xf numFmtId="17" fontId="10" fillId="2" borderId="80" xfId="0" applyNumberFormat="1" applyFont="1" applyFill="1" applyBorder="1" applyAlignment="1">
      <alignment horizontal="center" vertical="center" wrapText="1"/>
    </xf>
    <xf numFmtId="0" fontId="10" fillId="2" borderId="80" xfId="0" applyFont="1" applyFill="1" applyBorder="1" applyAlignment="1">
      <alignment horizontal="left" vertical="top" wrapText="1"/>
    </xf>
    <xf numFmtId="0" fontId="14" fillId="2" borderId="80" xfId="1" applyFont="1" applyFill="1" applyBorder="1" applyAlignment="1">
      <alignment horizontal="center" vertical="center" wrapText="1" readingOrder="1"/>
    </xf>
    <xf numFmtId="0" fontId="10" fillId="0" borderId="4" xfId="0" applyFont="1" applyBorder="1" applyAlignment="1">
      <alignment horizontal="justify" vertical="center"/>
    </xf>
    <xf numFmtId="0" fontId="14" fillId="0" borderId="64" xfId="1" applyFont="1" applyBorder="1" applyAlignment="1">
      <alignment horizontal="justify" vertical="center"/>
    </xf>
    <xf numFmtId="0" fontId="13" fillId="2" borderId="80" xfId="0" applyFont="1" applyFill="1" applyBorder="1" applyAlignment="1">
      <alignment horizontal="center" vertical="center"/>
    </xf>
    <xf numFmtId="0" fontId="10" fillId="2" borderId="80" xfId="0" applyFont="1" applyFill="1" applyBorder="1" applyAlignment="1">
      <alignment horizontal="center" vertical="center"/>
    </xf>
    <xf numFmtId="0" fontId="10" fillId="2" borderId="80" xfId="0" applyFont="1" applyFill="1" applyBorder="1" applyAlignment="1">
      <alignment horizontal="left" vertical="top"/>
    </xf>
    <xf numFmtId="0" fontId="19" fillId="4" borderId="5" xfId="0" applyFont="1" applyFill="1" applyBorder="1" applyAlignment="1">
      <alignment horizontal="center" vertical="center" wrapText="1"/>
    </xf>
    <xf numFmtId="0" fontId="19" fillId="4" borderId="83" xfId="0" applyFont="1" applyFill="1" applyBorder="1" applyAlignment="1">
      <alignment horizontal="center" vertical="center" wrapText="1"/>
    </xf>
    <xf numFmtId="0" fontId="19" fillId="4" borderId="84" xfId="0" applyFont="1" applyFill="1" applyBorder="1" applyAlignment="1">
      <alignment horizontal="center" vertical="center" wrapText="1"/>
    </xf>
    <xf numFmtId="0" fontId="13" fillId="0" borderId="37" xfId="0" applyFont="1" applyBorder="1" applyAlignment="1">
      <alignment vertical="center" wrapText="1"/>
    </xf>
    <xf numFmtId="0" fontId="10" fillId="0" borderId="4" xfId="0" applyFont="1" applyBorder="1" applyAlignment="1">
      <alignment horizontal="left" vertical="top" wrapText="1"/>
    </xf>
    <xf numFmtId="0" fontId="14" fillId="0" borderId="42" xfId="1" applyFont="1" applyFill="1" applyBorder="1" applyAlignment="1">
      <alignment horizontal="justify" vertical="top"/>
    </xf>
    <xf numFmtId="0" fontId="26" fillId="2" borderId="79" xfId="1" applyFont="1" applyFill="1" applyBorder="1" applyAlignment="1">
      <alignment horizontal="center" vertical="center" wrapText="1"/>
    </xf>
    <xf numFmtId="0" fontId="14" fillId="0" borderId="42" xfId="1" applyFont="1" applyBorder="1" applyAlignment="1">
      <alignment horizontal="left" vertical="center" wrapText="1"/>
    </xf>
    <xf numFmtId="0" fontId="14" fillId="2" borderId="39" xfId="1" applyFont="1" applyFill="1" applyBorder="1" applyAlignment="1">
      <alignment horizontal="justify" vertical="center" wrapText="1"/>
    </xf>
    <xf numFmtId="17" fontId="10" fillId="2" borderId="1" xfId="0" applyNumberFormat="1" applyFont="1" applyFill="1" applyBorder="1" applyAlignment="1">
      <alignment horizontal="left" vertical="center" wrapText="1"/>
    </xf>
    <xf numFmtId="0" fontId="26" fillId="2" borderId="0" xfId="1" applyFont="1" applyFill="1" applyAlignment="1">
      <alignment vertical="center" wrapText="1"/>
    </xf>
    <xf numFmtId="0" fontId="14" fillId="2" borderId="38" xfId="1" applyFont="1" applyFill="1" applyBorder="1" applyAlignment="1">
      <alignment horizontal="justify" vertical="center" wrapText="1"/>
    </xf>
    <xf numFmtId="0" fontId="26" fillId="2" borderId="39" xfId="1" applyFont="1" applyFill="1" applyBorder="1" applyAlignment="1">
      <alignment horizontal="justify" vertical="center" wrapText="1"/>
    </xf>
    <xf numFmtId="17" fontId="10" fillId="2" borderId="1" xfId="0" applyNumberFormat="1" applyFont="1" applyFill="1" applyBorder="1" applyAlignment="1">
      <alignment horizontal="left" vertical="top" wrapText="1"/>
    </xf>
    <xf numFmtId="164" fontId="10" fillId="7" borderId="15" xfId="2" applyNumberFormat="1" applyFont="1" applyFill="1" applyBorder="1" applyAlignment="1">
      <alignment horizontal="left" vertical="top" wrapText="1"/>
    </xf>
    <xf numFmtId="14" fontId="10" fillId="7" borderId="16" xfId="2" applyNumberFormat="1" applyFont="1" applyFill="1" applyBorder="1" applyAlignment="1">
      <alignment horizontal="left" vertical="top" wrapText="1"/>
    </xf>
    <xf numFmtId="0" fontId="13" fillId="7" borderId="18" xfId="3" applyFont="1" applyFill="1" applyBorder="1" applyAlignment="1">
      <alignment horizontal="left" vertical="top" wrapText="1"/>
    </xf>
    <xf numFmtId="0" fontId="13" fillId="7" borderId="19" xfId="3" applyFont="1" applyFill="1" applyBorder="1" applyAlignment="1">
      <alignment horizontal="left" vertical="top" wrapText="1"/>
    </xf>
    <xf numFmtId="0" fontId="13" fillId="7" borderId="20" xfId="3" applyFont="1" applyFill="1" applyBorder="1" applyAlignment="1">
      <alignment horizontal="left" vertical="top" wrapText="1"/>
    </xf>
    <xf numFmtId="0" fontId="9" fillId="2" borderId="0" xfId="3" applyFont="1" applyFill="1" applyAlignment="1">
      <alignment horizontal="center"/>
    </xf>
    <xf numFmtId="0" fontId="11" fillId="7" borderId="13" xfId="2" applyFont="1" applyFill="1" applyBorder="1" applyAlignment="1">
      <alignment horizontal="left" vertical="top" wrapText="1"/>
    </xf>
    <xf numFmtId="0" fontId="11" fillId="7" borderId="14" xfId="2" applyFont="1" applyFill="1" applyBorder="1" applyAlignment="1">
      <alignment horizontal="left" vertical="top" wrapText="1"/>
    </xf>
    <xf numFmtId="0" fontId="10" fillId="7" borderId="16" xfId="2" applyFont="1" applyFill="1" applyBorder="1" applyAlignment="1">
      <alignment horizontal="left" vertical="top" wrapText="1"/>
    </xf>
    <xf numFmtId="0" fontId="10" fillId="7" borderId="17" xfId="2" applyFont="1" applyFill="1" applyBorder="1" applyAlignment="1">
      <alignment horizontal="left" vertical="top" wrapText="1"/>
    </xf>
    <xf numFmtId="0" fontId="13" fillId="7" borderId="31" xfId="3" applyFont="1" applyFill="1" applyBorder="1" applyAlignment="1">
      <alignment horizontal="left" vertical="top" wrapText="1"/>
    </xf>
    <xf numFmtId="0" fontId="13" fillId="7" borderId="32" xfId="3" applyFont="1" applyFill="1" applyBorder="1" applyAlignment="1">
      <alignment horizontal="left" vertical="top" wrapText="1"/>
    </xf>
    <xf numFmtId="0" fontId="13" fillId="7" borderId="33" xfId="3" applyFont="1" applyFill="1" applyBorder="1" applyAlignment="1">
      <alignment horizontal="left" vertical="top" wrapText="1"/>
    </xf>
    <xf numFmtId="0" fontId="9" fillId="2" borderId="0" xfId="0" applyFont="1" applyFill="1" applyAlignment="1">
      <alignment horizontal="center" vertical="center"/>
    </xf>
    <xf numFmtId="0" fontId="13" fillId="2" borderId="0" xfId="0" applyFont="1" applyFill="1" applyAlignment="1">
      <alignment horizontal="center" vertical="center"/>
    </xf>
    <xf numFmtId="0" fontId="13" fillId="6" borderId="52" xfId="0" applyFont="1" applyFill="1" applyBorder="1" applyAlignment="1">
      <alignment horizontal="center" vertical="center" wrapText="1"/>
    </xf>
    <xf numFmtId="0" fontId="13" fillId="6" borderId="11" xfId="0" applyFont="1" applyFill="1" applyBorder="1" applyAlignment="1">
      <alignment horizontal="center" vertical="center" wrapText="1"/>
    </xf>
    <xf numFmtId="0" fontId="13" fillId="6" borderId="40" xfId="0" applyFont="1" applyFill="1" applyBorder="1" applyAlignment="1">
      <alignment horizontal="center" vertical="center" wrapText="1"/>
    </xf>
    <xf numFmtId="0" fontId="13" fillId="6" borderId="53" xfId="0" applyFont="1" applyFill="1" applyBorder="1" applyAlignment="1">
      <alignment horizontal="center" vertical="center" wrapText="1"/>
    </xf>
    <xf numFmtId="0" fontId="13" fillId="6" borderId="0" xfId="0" applyFont="1" applyFill="1" applyAlignment="1">
      <alignment horizontal="center" vertical="center" wrapText="1"/>
    </xf>
    <xf numFmtId="0" fontId="13" fillId="6" borderId="42" xfId="0" applyFont="1" applyFill="1" applyBorder="1" applyAlignment="1">
      <alignment horizontal="center" vertical="center" wrapText="1"/>
    </xf>
    <xf numFmtId="0" fontId="9" fillId="2" borderId="37" xfId="0" applyFont="1" applyFill="1" applyBorder="1" applyAlignment="1">
      <alignment horizontal="center" vertical="center"/>
    </xf>
    <xf numFmtId="0" fontId="13" fillId="6" borderId="55" xfId="0" applyFont="1" applyFill="1" applyBorder="1" applyAlignment="1">
      <alignment horizontal="center" vertical="center" wrapText="1"/>
    </xf>
    <xf numFmtId="0" fontId="13" fillId="6" borderId="3" xfId="0" applyFont="1" applyFill="1" applyBorder="1" applyAlignment="1">
      <alignment horizontal="center" vertical="center" wrapText="1"/>
    </xf>
    <xf numFmtId="0" fontId="13" fillId="6" borderId="56" xfId="0" applyFont="1" applyFill="1" applyBorder="1" applyAlignment="1">
      <alignment horizontal="center" vertical="center" wrapText="1"/>
    </xf>
    <xf numFmtId="0" fontId="13" fillId="6" borderId="62" xfId="0" applyFont="1" applyFill="1" applyBorder="1" applyAlignment="1">
      <alignment horizontal="center" vertical="center" wrapText="1"/>
    </xf>
    <xf numFmtId="0" fontId="13" fillId="6" borderId="21" xfId="0" applyFont="1" applyFill="1" applyBorder="1" applyAlignment="1">
      <alignment horizontal="center" vertical="center" wrapText="1"/>
    </xf>
    <xf numFmtId="0" fontId="13" fillId="6" borderId="63" xfId="0" applyFont="1" applyFill="1" applyBorder="1" applyAlignment="1">
      <alignment horizontal="center" vertical="center" wrapText="1"/>
    </xf>
    <xf numFmtId="0" fontId="9" fillId="2" borderId="0" xfId="0" applyFont="1" applyFill="1" applyAlignment="1">
      <alignment horizontal="center" vertical="center" wrapText="1"/>
    </xf>
    <xf numFmtId="0" fontId="13" fillId="2" borderId="0" xfId="0" applyFont="1" applyFill="1" applyAlignment="1">
      <alignment horizontal="center" vertical="center" wrapText="1"/>
    </xf>
    <xf numFmtId="0" fontId="9" fillId="0" borderId="37" xfId="0" applyFont="1" applyBorder="1" applyAlignment="1">
      <alignment horizontal="center" vertical="center" wrapText="1"/>
    </xf>
    <xf numFmtId="0" fontId="13" fillId="6" borderId="47" xfId="0" applyFont="1" applyFill="1" applyBorder="1" applyAlignment="1">
      <alignment horizontal="center" vertical="center"/>
    </xf>
    <xf numFmtId="0" fontId="13" fillId="6" borderId="1" xfId="0" applyFont="1" applyFill="1" applyBorder="1" applyAlignment="1">
      <alignment horizontal="center" vertical="center"/>
    </xf>
    <xf numFmtId="0" fontId="13" fillId="6" borderId="39" xfId="0" applyFont="1" applyFill="1" applyBorder="1" applyAlignment="1">
      <alignment horizontal="center" vertical="center"/>
    </xf>
    <xf numFmtId="0" fontId="13" fillId="6" borderId="68" xfId="0" applyFont="1" applyFill="1" applyBorder="1" applyAlignment="1">
      <alignment horizontal="center" vertical="center"/>
    </xf>
    <xf numFmtId="0" fontId="13" fillId="6" borderId="28" xfId="0" applyFont="1" applyFill="1" applyBorder="1" applyAlignment="1">
      <alignment horizontal="center" vertical="center"/>
    </xf>
    <xf numFmtId="0" fontId="13" fillId="6" borderId="71" xfId="0" applyFont="1" applyFill="1" applyBorder="1" applyAlignment="1">
      <alignment horizontal="center" vertical="center"/>
    </xf>
    <xf numFmtId="0" fontId="10" fillId="6" borderId="1" xfId="0" applyFont="1" applyFill="1" applyBorder="1" applyAlignment="1">
      <alignment horizontal="center" vertical="center"/>
    </xf>
    <xf numFmtId="0" fontId="10" fillId="6" borderId="39" xfId="0" applyFont="1" applyFill="1" applyBorder="1" applyAlignment="1">
      <alignment horizontal="center" vertical="center"/>
    </xf>
    <xf numFmtId="0" fontId="10" fillId="2" borderId="0" xfId="0" applyFont="1" applyFill="1" applyAlignment="1">
      <alignment horizontal="center" vertical="center" wrapText="1"/>
    </xf>
    <xf numFmtId="0" fontId="13" fillId="6" borderId="72" xfId="0" applyFont="1" applyFill="1" applyBorder="1" applyAlignment="1">
      <alignment horizontal="center" vertical="center" wrapText="1"/>
    </xf>
    <xf numFmtId="0" fontId="13" fillId="6" borderId="10" xfId="0" applyFont="1" applyFill="1" applyBorder="1" applyAlignment="1">
      <alignment horizontal="center" vertical="center" wrapText="1"/>
    </xf>
    <xf numFmtId="0" fontId="13" fillId="6" borderId="73" xfId="0" applyFont="1" applyFill="1" applyBorder="1" applyAlignment="1">
      <alignment horizontal="center" vertical="center" wrapText="1"/>
    </xf>
    <xf numFmtId="0" fontId="19" fillId="6" borderId="55" xfId="0" applyFont="1" applyFill="1" applyBorder="1" applyAlignment="1">
      <alignment horizontal="center" vertical="center" wrapText="1"/>
    </xf>
    <xf numFmtId="0" fontId="19" fillId="6" borderId="3" xfId="0" applyFont="1" applyFill="1" applyBorder="1" applyAlignment="1">
      <alignment horizontal="center" vertical="center" wrapText="1"/>
    </xf>
    <xf numFmtId="0" fontId="19" fillId="6" borderId="40" xfId="0" applyFont="1" applyFill="1" applyBorder="1" applyAlignment="1">
      <alignment horizontal="center" vertical="center" wrapText="1"/>
    </xf>
    <xf numFmtId="0" fontId="19" fillId="6" borderId="53" xfId="0" applyFont="1" applyFill="1" applyBorder="1" applyAlignment="1">
      <alignment horizontal="center" vertical="center" wrapText="1"/>
    </xf>
    <xf numFmtId="0" fontId="24" fillId="2" borderId="0" xfId="0" applyFont="1" applyFill="1" applyAlignment="1">
      <alignment horizontal="center" vertical="center" wrapText="1"/>
    </xf>
    <xf numFmtId="0" fontId="23" fillId="2" borderId="0" xfId="0" applyFont="1" applyFill="1" applyAlignment="1">
      <alignment horizontal="center" vertical="center" wrapText="1"/>
    </xf>
    <xf numFmtId="0" fontId="12" fillId="2" borderId="0" xfId="0" applyFont="1" applyFill="1" applyAlignment="1">
      <alignment horizontal="center" vertical="center" wrapText="1"/>
    </xf>
    <xf numFmtId="0" fontId="12" fillId="2" borderId="37" xfId="0" applyFont="1" applyFill="1" applyBorder="1" applyAlignment="1">
      <alignment horizontal="center" vertical="center" wrapText="1"/>
    </xf>
  </cellXfs>
  <cellStyles count="4">
    <cellStyle name="Hyperlink" xfId="1" builtinId="8"/>
    <cellStyle name="Normal" xfId="0" builtinId="0"/>
    <cellStyle name="Normal 2" xfId="2" xr:uid="{90699556-48FF-485C-903D-2618FA457281}"/>
    <cellStyle name="Normal 3 2" xfId="3" xr:uid="{D83F3ECF-2A51-4E1A-AA2B-97EDFA43B444}"/>
  </cellStyles>
  <dxfs count="0"/>
  <tableStyles count="0" defaultTableStyle="TableStyleMedium2" defaultPivotStyle="PivotStyleLight16"/>
  <colors>
    <mruColors>
      <color rgb="FFABE1FA"/>
      <color rgb="FF00AFF0"/>
      <color rgb="FFFA961E"/>
      <color rgb="FF004FA6"/>
      <color rgb="FFC35500"/>
      <color rgb="FF82C7B3"/>
      <color rgb="FFA38000"/>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styles" Target="styles.xml"/><Relationship Id="rId18" Type="http://schemas.openxmlformats.org/officeDocument/2006/relationships/customXml" Target="../customXml/item3.xml"/><Relationship Id="rId3" Type="http://schemas.openxmlformats.org/officeDocument/2006/relationships/worksheet" Target="worksheets/sheet3.xml"/><Relationship Id="rId21" Type="http://schemas.openxmlformats.org/officeDocument/2006/relationships/customXml" Target="../customXml/item6.xml"/><Relationship Id="rId7" Type="http://schemas.openxmlformats.org/officeDocument/2006/relationships/worksheet" Target="worksheets/sheet7.xml"/><Relationship Id="rId12" Type="http://schemas.openxmlformats.org/officeDocument/2006/relationships/theme" Target="theme/theme1.xml"/><Relationship Id="rId17" Type="http://schemas.openxmlformats.org/officeDocument/2006/relationships/customXml" Target="../customXml/item2.xml"/><Relationship Id="rId2" Type="http://schemas.openxmlformats.org/officeDocument/2006/relationships/worksheet" Target="worksheets/sheet2.xml"/><Relationship Id="rId16" Type="http://schemas.openxmlformats.org/officeDocument/2006/relationships/customXml" Target="../customXml/item1.xml"/><Relationship Id="rId20" Type="http://schemas.openxmlformats.org/officeDocument/2006/relationships/customXml" Target="../customXml/item5.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5" Type="http://schemas.openxmlformats.org/officeDocument/2006/relationships/worksheet" Target="worksheets/sheet5.xml"/><Relationship Id="rId15" Type="http://schemas.microsoft.com/office/2017/10/relationships/person" Target="persons/person.xml"/><Relationship Id="rId10" Type="http://schemas.openxmlformats.org/officeDocument/2006/relationships/worksheet" Target="worksheets/sheet10.xml"/><Relationship Id="rId19" Type="http://schemas.openxmlformats.org/officeDocument/2006/relationships/customXml" Target="../customXml/item4.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sharedStrings" Target="sharedStrings.xml"/></Relationships>
</file>

<file path=xl/drawings/_rels/drawing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xl/drawings/_rels/drawing1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2.png"/></Relationships>
</file>

<file path=xl/drawings/_rels/drawing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2.png"/></Relationships>
</file>

<file path=xl/drawings/_rels/drawing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2.png"/></Relationships>
</file>

<file path=xl/drawings/_rels/drawing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2.png"/></Relationships>
</file>

<file path=xl/drawings/_rels/drawing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2.png"/></Relationships>
</file>

<file path=xl/drawings/_rels/drawing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2.png"/></Relationships>
</file>

<file path=xl/drawings/_rels/drawing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2.png"/></Relationships>
</file>

<file path=xl/drawings/_rels/drawing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2.png"/></Relationships>
</file>

<file path=xl/drawings/_rels/drawing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2.png"/></Relationships>
</file>

<file path=xl/drawings/drawing1.xml><?xml version="1.0" encoding="utf-8"?>
<xdr:wsDr xmlns:xdr="http://schemas.openxmlformats.org/drawingml/2006/spreadsheetDrawing" xmlns:a="http://schemas.openxmlformats.org/drawingml/2006/main">
  <xdr:twoCellAnchor editAs="oneCell">
    <xdr:from>
      <xdr:col>2</xdr:col>
      <xdr:colOff>762000</xdr:colOff>
      <xdr:row>0</xdr:row>
      <xdr:rowOff>0</xdr:rowOff>
    </xdr:from>
    <xdr:to>
      <xdr:col>2</xdr:col>
      <xdr:colOff>1960925</xdr:colOff>
      <xdr:row>2</xdr:row>
      <xdr:rowOff>12704</xdr:rowOff>
    </xdr:to>
    <xdr:pic>
      <xdr:nvPicPr>
        <xdr:cNvPr id="2" name="Picture 1" descr="Travers Smith Archives - Legal Business">
          <a:extLst>
            <a:ext uri="{FF2B5EF4-FFF2-40B4-BE49-F238E27FC236}">
              <a16:creationId xmlns:a16="http://schemas.microsoft.com/office/drawing/2014/main" id="{403C9EB7-E128-0FE9-011C-3A87556D6978}"/>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1628775" y="0"/>
          <a:ext cx="1202735" cy="724539"/>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0</xdr:col>
      <xdr:colOff>114300</xdr:colOff>
      <xdr:row>0</xdr:row>
      <xdr:rowOff>87919</xdr:rowOff>
    </xdr:from>
    <xdr:to>
      <xdr:col>2</xdr:col>
      <xdr:colOff>571500</xdr:colOff>
      <xdr:row>1</xdr:row>
      <xdr:rowOff>231323</xdr:rowOff>
    </xdr:to>
    <xdr:pic>
      <xdr:nvPicPr>
        <xdr:cNvPr id="3" name="Picture 2">
          <a:extLst>
            <a:ext uri="{FF2B5EF4-FFF2-40B4-BE49-F238E27FC236}">
              <a16:creationId xmlns:a16="http://schemas.microsoft.com/office/drawing/2014/main" id="{712E3570-A851-F2F6-00F2-01B9FF0DECF6}"/>
            </a:ext>
          </a:extLst>
        </xdr:cNvPr>
        <xdr:cNvPicPr>
          <a:picLocks noChangeAspect="1"/>
        </xdr:cNvPicPr>
      </xdr:nvPicPr>
      <xdr:blipFill>
        <a:blip xmlns:r="http://schemas.openxmlformats.org/officeDocument/2006/relationships" r:embed="rId2"/>
        <a:stretch>
          <a:fillRect/>
        </a:stretch>
      </xdr:blipFill>
      <xdr:spPr>
        <a:xfrm>
          <a:off x="114300" y="87919"/>
          <a:ext cx="1400175" cy="492654"/>
        </a:xfrm>
        <a:prstGeom prst="rect">
          <a:avLst/>
        </a:prstGeom>
      </xdr:spPr>
    </xdr:pic>
    <xdr:clientData/>
  </xdr:twoCellAnchor>
</xdr:wsDr>
</file>

<file path=xl/drawings/drawing10.xml><?xml version="1.0" encoding="utf-8"?>
<xdr:wsDr xmlns:xdr="http://schemas.openxmlformats.org/drawingml/2006/spreadsheetDrawing" xmlns:a="http://schemas.openxmlformats.org/drawingml/2006/main">
  <xdr:twoCellAnchor editAs="oneCell">
    <xdr:from>
      <xdr:col>1</xdr:col>
      <xdr:colOff>90715</xdr:colOff>
      <xdr:row>0</xdr:row>
      <xdr:rowOff>0</xdr:rowOff>
    </xdr:from>
    <xdr:to>
      <xdr:col>1</xdr:col>
      <xdr:colOff>2994344</xdr:colOff>
      <xdr:row>4</xdr:row>
      <xdr:rowOff>202595</xdr:rowOff>
    </xdr:to>
    <xdr:pic>
      <xdr:nvPicPr>
        <xdr:cNvPr id="2" name="Picture 1">
          <a:extLst>
            <a:ext uri="{FF2B5EF4-FFF2-40B4-BE49-F238E27FC236}">
              <a16:creationId xmlns:a16="http://schemas.microsoft.com/office/drawing/2014/main" id="{4E9D359A-4B75-8F45-9750-C081FE512BEE}"/>
            </a:ext>
          </a:extLst>
        </xdr:cNvPr>
        <xdr:cNvPicPr>
          <a:picLocks noChangeAspect="1"/>
        </xdr:cNvPicPr>
      </xdr:nvPicPr>
      <xdr:blipFill>
        <a:blip xmlns:r="http://schemas.openxmlformats.org/officeDocument/2006/relationships" r:embed="rId1"/>
        <a:stretch>
          <a:fillRect/>
        </a:stretch>
      </xdr:blipFill>
      <xdr:spPr>
        <a:xfrm>
          <a:off x="3392715" y="0"/>
          <a:ext cx="2903629" cy="1037166"/>
        </a:xfrm>
        <a:prstGeom prst="rect">
          <a:avLst/>
        </a:prstGeom>
      </xdr:spPr>
    </xdr:pic>
    <xdr:clientData/>
  </xdr:twoCellAnchor>
  <xdr:twoCellAnchor editAs="oneCell">
    <xdr:from>
      <xdr:col>2</xdr:col>
      <xdr:colOff>0</xdr:colOff>
      <xdr:row>0</xdr:row>
      <xdr:rowOff>0</xdr:rowOff>
    </xdr:from>
    <xdr:to>
      <xdr:col>2</xdr:col>
      <xdr:colOff>1923143</xdr:colOff>
      <xdr:row>5</xdr:row>
      <xdr:rowOff>61959</xdr:rowOff>
    </xdr:to>
    <xdr:pic>
      <xdr:nvPicPr>
        <xdr:cNvPr id="3" name="Picture 2" descr="Travers Smith Archives - Legal Business">
          <a:extLst>
            <a:ext uri="{FF2B5EF4-FFF2-40B4-BE49-F238E27FC236}">
              <a16:creationId xmlns:a16="http://schemas.microsoft.com/office/drawing/2014/main" id="{7C7EBAC1-482D-C84E-BE0C-9153974B0D66}"/>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6495143" y="0"/>
          <a:ext cx="1923143" cy="1168673"/>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1</xdr:col>
      <xdr:colOff>148165</xdr:colOff>
      <xdr:row>0</xdr:row>
      <xdr:rowOff>0</xdr:rowOff>
    </xdr:from>
    <xdr:to>
      <xdr:col>2</xdr:col>
      <xdr:colOff>9237</xdr:colOff>
      <xdr:row>4</xdr:row>
      <xdr:rowOff>440689</xdr:rowOff>
    </xdr:to>
    <xdr:pic>
      <xdr:nvPicPr>
        <xdr:cNvPr id="2" name="Picture 1">
          <a:extLst>
            <a:ext uri="{FF2B5EF4-FFF2-40B4-BE49-F238E27FC236}">
              <a16:creationId xmlns:a16="http://schemas.microsoft.com/office/drawing/2014/main" id="{BA0B10FB-9791-DE41-9CF0-B36760193ED6}"/>
            </a:ext>
          </a:extLst>
        </xdr:cNvPr>
        <xdr:cNvPicPr>
          <a:picLocks noChangeAspect="1"/>
        </xdr:cNvPicPr>
      </xdr:nvPicPr>
      <xdr:blipFill>
        <a:blip xmlns:r="http://schemas.openxmlformats.org/officeDocument/2006/relationships" r:embed="rId1"/>
        <a:stretch>
          <a:fillRect/>
        </a:stretch>
      </xdr:blipFill>
      <xdr:spPr>
        <a:xfrm>
          <a:off x="677332" y="0"/>
          <a:ext cx="2903629" cy="1037166"/>
        </a:xfrm>
        <a:prstGeom prst="rect">
          <a:avLst/>
        </a:prstGeom>
      </xdr:spPr>
    </xdr:pic>
    <xdr:clientData/>
  </xdr:twoCellAnchor>
  <xdr:twoCellAnchor editAs="oneCell">
    <xdr:from>
      <xdr:col>2</xdr:col>
      <xdr:colOff>0</xdr:colOff>
      <xdr:row>0</xdr:row>
      <xdr:rowOff>0</xdr:rowOff>
    </xdr:from>
    <xdr:to>
      <xdr:col>3</xdr:col>
      <xdr:colOff>941524</xdr:colOff>
      <xdr:row>5</xdr:row>
      <xdr:rowOff>82007</xdr:rowOff>
    </xdr:to>
    <xdr:pic>
      <xdr:nvPicPr>
        <xdr:cNvPr id="6" name="Picture 5" descr="Travers Smith Archives - Legal Business">
          <a:extLst>
            <a:ext uri="{FF2B5EF4-FFF2-40B4-BE49-F238E27FC236}">
              <a16:creationId xmlns:a16="http://schemas.microsoft.com/office/drawing/2014/main" id="{A6104C2E-6C70-BB49-82D1-2E92EEC5D449}"/>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3719286" y="0"/>
          <a:ext cx="1923143" cy="1168673"/>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3.xml><?xml version="1.0" encoding="utf-8"?>
<xdr:wsDr xmlns:xdr="http://schemas.openxmlformats.org/drawingml/2006/spreadsheetDrawing" xmlns:a="http://schemas.openxmlformats.org/drawingml/2006/main">
  <xdr:twoCellAnchor editAs="oneCell">
    <xdr:from>
      <xdr:col>1</xdr:col>
      <xdr:colOff>72571</xdr:colOff>
      <xdr:row>0</xdr:row>
      <xdr:rowOff>0</xdr:rowOff>
    </xdr:from>
    <xdr:to>
      <xdr:col>1</xdr:col>
      <xdr:colOff>2976200</xdr:colOff>
      <xdr:row>4</xdr:row>
      <xdr:rowOff>202595</xdr:rowOff>
    </xdr:to>
    <xdr:pic>
      <xdr:nvPicPr>
        <xdr:cNvPr id="2" name="Picture 1">
          <a:extLst>
            <a:ext uri="{FF2B5EF4-FFF2-40B4-BE49-F238E27FC236}">
              <a16:creationId xmlns:a16="http://schemas.microsoft.com/office/drawing/2014/main" id="{78086494-3503-394E-BE98-567182E9A2F2}"/>
            </a:ext>
          </a:extLst>
        </xdr:cNvPr>
        <xdr:cNvPicPr>
          <a:picLocks noChangeAspect="1"/>
        </xdr:cNvPicPr>
      </xdr:nvPicPr>
      <xdr:blipFill>
        <a:blip xmlns:r="http://schemas.openxmlformats.org/officeDocument/2006/relationships" r:embed="rId1"/>
        <a:stretch>
          <a:fillRect/>
        </a:stretch>
      </xdr:blipFill>
      <xdr:spPr>
        <a:xfrm>
          <a:off x="90714" y="0"/>
          <a:ext cx="2903629" cy="1037166"/>
        </a:xfrm>
        <a:prstGeom prst="rect">
          <a:avLst/>
        </a:prstGeom>
      </xdr:spPr>
    </xdr:pic>
    <xdr:clientData/>
  </xdr:twoCellAnchor>
  <xdr:twoCellAnchor editAs="oneCell">
    <xdr:from>
      <xdr:col>2</xdr:col>
      <xdr:colOff>0</xdr:colOff>
      <xdr:row>0</xdr:row>
      <xdr:rowOff>0</xdr:rowOff>
    </xdr:from>
    <xdr:to>
      <xdr:col>2</xdr:col>
      <xdr:colOff>1923143</xdr:colOff>
      <xdr:row>5</xdr:row>
      <xdr:rowOff>61959</xdr:rowOff>
    </xdr:to>
    <xdr:pic>
      <xdr:nvPicPr>
        <xdr:cNvPr id="3" name="Picture 2" descr="Travers Smith Archives - Legal Business">
          <a:extLst>
            <a:ext uri="{FF2B5EF4-FFF2-40B4-BE49-F238E27FC236}">
              <a16:creationId xmlns:a16="http://schemas.microsoft.com/office/drawing/2014/main" id="{A7B2BAF0-D815-CC46-B9A0-FAC96897114A}"/>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3211286" y="0"/>
          <a:ext cx="1923143" cy="1168673"/>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4.xml><?xml version="1.0" encoding="utf-8"?>
<xdr:wsDr xmlns:xdr="http://schemas.openxmlformats.org/drawingml/2006/spreadsheetDrawing" xmlns:a="http://schemas.openxmlformats.org/drawingml/2006/main">
  <xdr:twoCellAnchor editAs="oneCell">
    <xdr:from>
      <xdr:col>1</xdr:col>
      <xdr:colOff>90715</xdr:colOff>
      <xdr:row>0</xdr:row>
      <xdr:rowOff>0</xdr:rowOff>
    </xdr:from>
    <xdr:to>
      <xdr:col>2</xdr:col>
      <xdr:colOff>16557</xdr:colOff>
      <xdr:row>4</xdr:row>
      <xdr:rowOff>210215</xdr:rowOff>
    </xdr:to>
    <xdr:pic>
      <xdr:nvPicPr>
        <xdr:cNvPr id="2" name="Picture 1">
          <a:extLst>
            <a:ext uri="{FF2B5EF4-FFF2-40B4-BE49-F238E27FC236}">
              <a16:creationId xmlns:a16="http://schemas.microsoft.com/office/drawing/2014/main" id="{F2EE3B31-9838-EF4B-80BE-846104817C69}"/>
            </a:ext>
          </a:extLst>
        </xdr:cNvPr>
        <xdr:cNvPicPr>
          <a:picLocks noChangeAspect="1"/>
        </xdr:cNvPicPr>
      </xdr:nvPicPr>
      <xdr:blipFill>
        <a:blip xmlns:r="http://schemas.openxmlformats.org/officeDocument/2006/relationships" r:embed="rId1"/>
        <a:stretch>
          <a:fillRect/>
        </a:stretch>
      </xdr:blipFill>
      <xdr:spPr>
        <a:xfrm>
          <a:off x="90715" y="0"/>
          <a:ext cx="2903629" cy="1037166"/>
        </a:xfrm>
        <a:prstGeom prst="rect">
          <a:avLst/>
        </a:prstGeom>
      </xdr:spPr>
    </xdr:pic>
    <xdr:clientData/>
  </xdr:twoCellAnchor>
  <xdr:twoCellAnchor editAs="oneCell">
    <xdr:from>
      <xdr:col>2</xdr:col>
      <xdr:colOff>0</xdr:colOff>
      <xdr:row>0</xdr:row>
      <xdr:rowOff>0</xdr:rowOff>
    </xdr:from>
    <xdr:to>
      <xdr:col>2</xdr:col>
      <xdr:colOff>1923143</xdr:colOff>
      <xdr:row>5</xdr:row>
      <xdr:rowOff>98244</xdr:rowOff>
    </xdr:to>
    <xdr:pic>
      <xdr:nvPicPr>
        <xdr:cNvPr id="4" name="Picture 3" descr="Travers Smith Archives - Legal Business">
          <a:extLst>
            <a:ext uri="{FF2B5EF4-FFF2-40B4-BE49-F238E27FC236}">
              <a16:creationId xmlns:a16="http://schemas.microsoft.com/office/drawing/2014/main" id="{BD85C4E3-C298-1F4D-99F2-A84E880887D6}"/>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3193143" y="0"/>
          <a:ext cx="1923143" cy="1168673"/>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5.xml><?xml version="1.0" encoding="utf-8"?>
<xdr:wsDr xmlns:xdr="http://schemas.openxmlformats.org/drawingml/2006/spreadsheetDrawing" xmlns:a="http://schemas.openxmlformats.org/drawingml/2006/main">
  <xdr:twoCellAnchor editAs="oneCell">
    <xdr:from>
      <xdr:col>1</xdr:col>
      <xdr:colOff>90715</xdr:colOff>
      <xdr:row>0</xdr:row>
      <xdr:rowOff>0</xdr:rowOff>
    </xdr:from>
    <xdr:to>
      <xdr:col>1</xdr:col>
      <xdr:colOff>2872424</xdr:colOff>
      <xdr:row>4</xdr:row>
      <xdr:rowOff>166309</xdr:rowOff>
    </xdr:to>
    <xdr:pic>
      <xdr:nvPicPr>
        <xdr:cNvPr id="2" name="Picture 1">
          <a:extLst>
            <a:ext uri="{FF2B5EF4-FFF2-40B4-BE49-F238E27FC236}">
              <a16:creationId xmlns:a16="http://schemas.microsoft.com/office/drawing/2014/main" id="{9AD5F7B3-43A9-1A41-BB70-3679BE2D4117}"/>
            </a:ext>
          </a:extLst>
        </xdr:cNvPr>
        <xdr:cNvPicPr>
          <a:picLocks noChangeAspect="1"/>
        </xdr:cNvPicPr>
      </xdr:nvPicPr>
      <xdr:blipFill>
        <a:blip xmlns:r="http://schemas.openxmlformats.org/officeDocument/2006/relationships" r:embed="rId1"/>
        <a:stretch>
          <a:fillRect/>
        </a:stretch>
      </xdr:blipFill>
      <xdr:spPr>
        <a:xfrm>
          <a:off x="90715" y="0"/>
          <a:ext cx="2903629" cy="1037166"/>
        </a:xfrm>
        <a:prstGeom prst="rect">
          <a:avLst/>
        </a:prstGeom>
      </xdr:spPr>
    </xdr:pic>
    <xdr:clientData/>
  </xdr:twoCellAnchor>
  <xdr:twoCellAnchor editAs="oneCell">
    <xdr:from>
      <xdr:col>2</xdr:col>
      <xdr:colOff>0</xdr:colOff>
      <xdr:row>0</xdr:row>
      <xdr:rowOff>0</xdr:rowOff>
    </xdr:from>
    <xdr:to>
      <xdr:col>2</xdr:col>
      <xdr:colOff>1923143</xdr:colOff>
      <xdr:row>5</xdr:row>
      <xdr:rowOff>98244</xdr:rowOff>
    </xdr:to>
    <xdr:pic>
      <xdr:nvPicPr>
        <xdr:cNvPr id="4" name="Picture 3" descr="Travers Smith Archives - Legal Business">
          <a:extLst>
            <a:ext uri="{FF2B5EF4-FFF2-40B4-BE49-F238E27FC236}">
              <a16:creationId xmlns:a16="http://schemas.microsoft.com/office/drawing/2014/main" id="{0AA6A76A-66BB-3348-B8EC-69D297F3337A}"/>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3193143" y="0"/>
          <a:ext cx="1923143" cy="1168673"/>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6.xml><?xml version="1.0" encoding="utf-8"?>
<xdr:wsDr xmlns:xdr="http://schemas.openxmlformats.org/drawingml/2006/spreadsheetDrawing" xmlns:a="http://schemas.openxmlformats.org/drawingml/2006/main">
  <xdr:twoCellAnchor editAs="oneCell">
    <xdr:from>
      <xdr:col>1</xdr:col>
      <xdr:colOff>90715</xdr:colOff>
      <xdr:row>0</xdr:row>
      <xdr:rowOff>0</xdr:rowOff>
    </xdr:from>
    <xdr:to>
      <xdr:col>1</xdr:col>
      <xdr:colOff>2872424</xdr:colOff>
      <xdr:row>0</xdr:row>
      <xdr:rowOff>1037166</xdr:rowOff>
    </xdr:to>
    <xdr:pic>
      <xdr:nvPicPr>
        <xdr:cNvPr id="2" name="Picture 1">
          <a:extLst>
            <a:ext uri="{FF2B5EF4-FFF2-40B4-BE49-F238E27FC236}">
              <a16:creationId xmlns:a16="http://schemas.microsoft.com/office/drawing/2014/main" id="{A84D16C7-9BBA-2745-9EFF-6CD59D31563A}"/>
            </a:ext>
          </a:extLst>
        </xdr:cNvPr>
        <xdr:cNvPicPr>
          <a:picLocks noChangeAspect="1"/>
        </xdr:cNvPicPr>
      </xdr:nvPicPr>
      <xdr:blipFill>
        <a:blip xmlns:r="http://schemas.openxmlformats.org/officeDocument/2006/relationships" r:embed="rId1"/>
        <a:stretch>
          <a:fillRect/>
        </a:stretch>
      </xdr:blipFill>
      <xdr:spPr>
        <a:xfrm>
          <a:off x="90715" y="0"/>
          <a:ext cx="2903629" cy="1037166"/>
        </a:xfrm>
        <a:prstGeom prst="rect">
          <a:avLst/>
        </a:prstGeom>
      </xdr:spPr>
    </xdr:pic>
    <xdr:clientData/>
  </xdr:twoCellAnchor>
  <xdr:twoCellAnchor editAs="oneCell">
    <xdr:from>
      <xdr:col>2</xdr:col>
      <xdr:colOff>0</xdr:colOff>
      <xdr:row>0</xdr:row>
      <xdr:rowOff>0</xdr:rowOff>
    </xdr:from>
    <xdr:to>
      <xdr:col>2</xdr:col>
      <xdr:colOff>1923143</xdr:colOff>
      <xdr:row>1</xdr:row>
      <xdr:rowOff>98244</xdr:rowOff>
    </xdr:to>
    <xdr:pic>
      <xdr:nvPicPr>
        <xdr:cNvPr id="4" name="Picture 3" descr="Travers Smith Archives - Legal Business">
          <a:extLst>
            <a:ext uri="{FF2B5EF4-FFF2-40B4-BE49-F238E27FC236}">
              <a16:creationId xmlns:a16="http://schemas.microsoft.com/office/drawing/2014/main" id="{76353CE6-BC3B-6E41-8B49-52EF4CF0AEEB}"/>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3193143" y="0"/>
          <a:ext cx="1923143" cy="1168673"/>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7.xml><?xml version="1.0" encoding="utf-8"?>
<xdr:wsDr xmlns:xdr="http://schemas.openxmlformats.org/drawingml/2006/spreadsheetDrawing" xmlns:a="http://schemas.openxmlformats.org/drawingml/2006/main">
  <xdr:twoCellAnchor editAs="oneCell">
    <xdr:from>
      <xdr:col>1</xdr:col>
      <xdr:colOff>90715</xdr:colOff>
      <xdr:row>0</xdr:row>
      <xdr:rowOff>0</xdr:rowOff>
    </xdr:from>
    <xdr:to>
      <xdr:col>1</xdr:col>
      <xdr:colOff>2872424</xdr:colOff>
      <xdr:row>4</xdr:row>
      <xdr:rowOff>202595</xdr:rowOff>
    </xdr:to>
    <xdr:pic>
      <xdr:nvPicPr>
        <xdr:cNvPr id="2" name="Picture 1">
          <a:extLst>
            <a:ext uri="{FF2B5EF4-FFF2-40B4-BE49-F238E27FC236}">
              <a16:creationId xmlns:a16="http://schemas.microsoft.com/office/drawing/2014/main" id="{81874E34-F513-6946-8661-831664C00FEF}"/>
            </a:ext>
          </a:extLst>
        </xdr:cNvPr>
        <xdr:cNvPicPr>
          <a:picLocks noChangeAspect="1"/>
        </xdr:cNvPicPr>
      </xdr:nvPicPr>
      <xdr:blipFill>
        <a:blip xmlns:r="http://schemas.openxmlformats.org/officeDocument/2006/relationships" r:embed="rId1"/>
        <a:stretch>
          <a:fillRect/>
        </a:stretch>
      </xdr:blipFill>
      <xdr:spPr>
        <a:xfrm>
          <a:off x="90715" y="0"/>
          <a:ext cx="2903629" cy="1037166"/>
        </a:xfrm>
        <a:prstGeom prst="rect">
          <a:avLst/>
        </a:prstGeom>
      </xdr:spPr>
    </xdr:pic>
    <xdr:clientData/>
  </xdr:twoCellAnchor>
  <xdr:twoCellAnchor editAs="oneCell">
    <xdr:from>
      <xdr:col>2</xdr:col>
      <xdr:colOff>0</xdr:colOff>
      <xdr:row>0</xdr:row>
      <xdr:rowOff>0</xdr:rowOff>
    </xdr:from>
    <xdr:to>
      <xdr:col>3</xdr:col>
      <xdr:colOff>18143</xdr:colOff>
      <xdr:row>5</xdr:row>
      <xdr:rowOff>80102</xdr:rowOff>
    </xdr:to>
    <xdr:pic>
      <xdr:nvPicPr>
        <xdr:cNvPr id="3" name="Picture 2" descr="Travers Smith Archives - Legal Business">
          <a:extLst>
            <a:ext uri="{FF2B5EF4-FFF2-40B4-BE49-F238E27FC236}">
              <a16:creationId xmlns:a16="http://schemas.microsoft.com/office/drawing/2014/main" id="{DC24ACE6-7EDF-7442-8375-B95A894E5C45}"/>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3193143" y="0"/>
          <a:ext cx="1923143" cy="1168673"/>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8.xml><?xml version="1.0" encoding="utf-8"?>
<xdr:wsDr xmlns:xdr="http://schemas.openxmlformats.org/drawingml/2006/spreadsheetDrawing" xmlns:a="http://schemas.openxmlformats.org/drawingml/2006/main">
  <xdr:twoCellAnchor editAs="oneCell">
    <xdr:from>
      <xdr:col>1</xdr:col>
      <xdr:colOff>90715</xdr:colOff>
      <xdr:row>0</xdr:row>
      <xdr:rowOff>0</xdr:rowOff>
    </xdr:from>
    <xdr:to>
      <xdr:col>1</xdr:col>
      <xdr:colOff>2871154</xdr:colOff>
      <xdr:row>4</xdr:row>
      <xdr:rowOff>202595</xdr:rowOff>
    </xdr:to>
    <xdr:pic>
      <xdr:nvPicPr>
        <xdr:cNvPr id="2" name="Picture 1">
          <a:extLst>
            <a:ext uri="{FF2B5EF4-FFF2-40B4-BE49-F238E27FC236}">
              <a16:creationId xmlns:a16="http://schemas.microsoft.com/office/drawing/2014/main" id="{8D221DDC-FA52-3348-9421-E448A41191ED}"/>
            </a:ext>
          </a:extLst>
        </xdr:cNvPr>
        <xdr:cNvPicPr>
          <a:picLocks noChangeAspect="1"/>
        </xdr:cNvPicPr>
      </xdr:nvPicPr>
      <xdr:blipFill>
        <a:blip xmlns:r="http://schemas.openxmlformats.org/officeDocument/2006/relationships" r:embed="rId1"/>
        <a:stretch>
          <a:fillRect/>
        </a:stretch>
      </xdr:blipFill>
      <xdr:spPr>
        <a:xfrm>
          <a:off x="762001" y="0"/>
          <a:ext cx="2903629" cy="1037166"/>
        </a:xfrm>
        <a:prstGeom prst="rect">
          <a:avLst/>
        </a:prstGeom>
      </xdr:spPr>
    </xdr:pic>
    <xdr:clientData/>
  </xdr:twoCellAnchor>
  <xdr:twoCellAnchor editAs="oneCell">
    <xdr:from>
      <xdr:col>2</xdr:col>
      <xdr:colOff>0</xdr:colOff>
      <xdr:row>0</xdr:row>
      <xdr:rowOff>0</xdr:rowOff>
    </xdr:from>
    <xdr:to>
      <xdr:col>2</xdr:col>
      <xdr:colOff>1923143</xdr:colOff>
      <xdr:row>5</xdr:row>
      <xdr:rowOff>86452</xdr:rowOff>
    </xdr:to>
    <xdr:pic>
      <xdr:nvPicPr>
        <xdr:cNvPr id="3" name="Picture 2" descr="Travers Smith Archives - Legal Business">
          <a:extLst>
            <a:ext uri="{FF2B5EF4-FFF2-40B4-BE49-F238E27FC236}">
              <a16:creationId xmlns:a16="http://schemas.microsoft.com/office/drawing/2014/main" id="{EFA6C52A-BA5E-084D-8CEE-85642736358E}"/>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3193143" y="0"/>
          <a:ext cx="1923143" cy="1168673"/>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drawings/drawing9.xml><?xml version="1.0" encoding="utf-8"?>
<xdr:wsDr xmlns:xdr="http://schemas.openxmlformats.org/drawingml/2006/spreadsheetDrawing" xmlns:a="http://schemas.openxmlformats.org/drawingml/2006/main">
  <xdr:twoCellAnchor editAs="oneCell">
    <xdr:from>
      <xdr:col>1</xdr:col>
      <xdr:colOff>90715</xdr:colOff>
      <xdr:row>0</xdr:row>
      <xdr:rowOff>0</xdr:rowOff>
    </xdr:from>
    <xdr:to>
      <xdr:col>1</xdr:col>
      <xdr:colOff>2872424</xdr:colOff>
      <xdr:row>4</xdr:row>
      <xdr:rowOff>202595</xdr:rowOff>
    </xdr:to>
    <xdr:pic>
      <xdr:nvPicPr>
        <xdr:cNvPr id="3" name="Picture 2">
          <a:extLst>
            <a:ext uri="{FF2B5EF4-FFF2-40B4-BE49-F238E27FC236}">
              <a16:creationId xmlns:a16="http://schemas.microsoft.com/office/drawing/2014/main" id="{13B942E9-E234-8446-AE08-2DB1BB95C9B5}"/>
            </a:ext>
          </a:extLst>
        </xdr:cNvPr>
        <xdr:cNvPicPr>
          <a:picLocks noChangeAspect="1"/>
        </xdr:cNvPicPr>
      </xdr:nvPicPr>
      <xdr:blipFill>
        <a:blip xmlns:r="http://schemas.openxmlformats.org/officeDocument/2006/relationships" r:embed="rId1"/>
        <a:stretch>
          <a:fillRect/>
        </a:stretch>
      </xdr:blipFill>
      <xdr:spPr>
        <a:xfrm>
          <a:off x="762001" y="0"/>
          <a:ext cx="2903629" cy="1037166"/>
        </a:xfrm>
        <a:prstGeom prst="rect">
          <a:avLst/>
        </a:prstGeom>
      </xdr:spPr>
    </xdr:pic>
    <xdr:clientData/>
  </xdr:twoCellAnchor>
  <xdr:twoCellAnchor editAs="oneCell">
    <xdr:from>
      <xdr:col>2</xdr:col>
      <xdr:colOff>0</xdr:colOff>
      <xdr:row>0</xdr:row>
      <xdr:rowOff>0</xdr:rowOff>
    </xdr:from>
    <xdr:to>
      <xdr:col>2</xdr:col>
      <xdr:colOff>1923143</xdr:colOff>
      <xdr:row>5</xdr:row>
      <xdr:rowOff>80102</xdr:rowOff>
    </xdr:to>
    <xdr:pic>
      <xdr:nvPicPr>
        <xdr:cNvPr id="2" name="Picture 1" descr="Travers Smith Archives - Legal Business">
          <a:extLst>
            <a:ext uri="{FF2B5EF4-FFF2-40B4-BE49-F238E27FC236}">
              <a16:creationId xmlns:a16="http://schemas.microsoft.com/office/drawing/2014/main" id="{2E0A2D4B-E696-AA42-AF82-8F217684B95B}"/>
            </a:ext>
          </a:extLst>
        </xdr:cNvPr>
        <xdr:cNvPicPr>
          <a:picLocks noChangeAspect="1" noChangeArrowheads="1"/>
        </xdr:cNvPicPr>
      </xdr:nvPicPr>
      <xdr:blipFill>
        <a:blip xmlns:r="http://schemas.openxmlformats.org/officeDocument/2006/relationships" r:embed="rId2" cstate="print">
          <a:extLst>
            <a:ext uri="{28A0092B-C50C-407E-A947-70E740481C1C}">
              <a14:useLocalDpi xmlns:a14="http://schemas.microsoft.com/office/drawing/2010/main" val="0"/>
            </a:ext>
          </a:extLst>
        </a:blip>
        <a:srcRect/>
        <a:stretch>
          <a:fillRect/>
        </a:stretch>
      </xdr:blipFill>
      <xdr:spPr bwMode="auto">
        <a:xfrm>
          <a:off x="3193143" y="0"/>
          <a:ext cx="1923143" cy="1168673"/>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wsDr>
</file>

<file path=xl/persons/person.xml><?xml version="1.0" encoding="utf-8"?>
<personList xmlns="http://schemas.microsoft.com/office/spreadsheetml/2018/threadedcomments" xmlns:x="http://schemas.openxmlformats.org/spreadsheetml/2006/main">
  <person displayName="Mark Nicholls" id="{7F0F2251-F07B-8440-8AC7-85820A643151}" userId="9edec0394dd67811" providerId="Windows Live"/>
</personList>
</file>

<file path=xl/theme/theme1.xml><?xml version="1.0" encoding="utf-8"?>
<a:theme xmlns:a="http://schemas.openxmlformats.org/drawingml/2006/main" name="Office Theme">
  <a:themeElements>
    <a:clrScheme name="Hg">
      <a:dk1>
        <a:srgbClr val="333D49"/>
      </a:dk1>
      <a:lt1>
        <a:srgbClr val="FEFEFE"/>
      </a:lt1>
      <a:dk2>
        <a:srgbClr val="010101"/>
      </a:dk2>
      <a:lt2>
        <a:srgbClr val="C8C8C8"/>
      </a:lt2>
      <a:accent1>
        <a:srgbClr val="F8495E"/>
      </a:accent1>
      <a:accent2>
        <a:srgbClr val="5B67D5"/>
      </a:accent2>
      <a:accent3>
        <a:srgbClr val="171B41"/>
      </a:accent3>
      <a:accent4>
        <a:srgbClr val="1A1E22"/>
      </a:accent4>
      <a:accent5>
        <a:srgbClr val="333D49"/>
      </a:accent5>
      <a:accent6>
        <a:srgbClr val="F0EEE8"/>
      </a:accent6>
      <a:hlink>
        <a:srgbClr val="F8495E"/>
      </a:hlink>
      <a:folHlink>
        <a:srgbClr val="5B67D5"/>
      </a:folHlink>
    </a:clrScheme>
    <a:fontScheme name="Hg">
      <a:majorFont>
        <a:latin typeface="Arial"/>
        <a:ea typeface=""/>
        <a:cs typeface=""/>
      </a:majorFont>
      <a:minorFont>
        <a:latin typeface="Calibri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threadedComments/threadedComment1.xml><?xml version="1.0" encoding="utf-8"?>
<ThreadedComments xmlns="http://schemas.microsoft.com/office/spreadsheetml/2018/threadedcomments" xmlns:x="http://schemas.openxmlformats.org/spreadsheetml/2006/main">
  <threadedComment ref="N23" dT="2025-06-25T07:32:47.98" personId="{7F0F2251-F07B-8440-8AC7-85820A643151}" id="{C7F22496-7229-3E41-B4A2-7693DB4EDE1B}">
    <text xml:space="preserve">Broken link
</text>
  </threadedComment>
</ThreadedComments>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10.xml.rels><?xml version="1.0" encoding="UTF-8" standalone="yes"?>
<Relationships xmlns="http://schemas.openxmlformats.org/package/2006/relationships"><Relationship Id="rId3" Type="http://schemas.openxmlformats.org/officeDocument/2006/relationships/hyperlink" Target="https://www.gov.br/cvm/pt-br/assuntos/noticias/2024/cvm-edita-as-resolucoes-217-218-e-219" TargetMode="External"/><Relationship Id="rId7" Type="http://schemas.openxmlformats.org/officeDocument/2006/relationships/drawing" Target="../drawings/drawing10.xml"/><Relationship Id="rId2" Type="http://schemas.openxmlformats.org/officeDocument/2006/relationships/hyperlink" Target="https://www.suin-juriscol.gov.co/clp/contenidos.dll/Circular/30050497?fn=document-frame.htm$f=templates$3.0" TargetMode="External"/><Relationship Id="rId1" Type="http://schemas.openxmlformats.org/officeDocument/2006/relationships/hyperlink" Target="https://www.legislation.gov.uk/eur/2002/2368/2020-01-31/data.xht?view=snippet&amp;wrap=true" TargetMode="External"/><Relationship Id="rId6" Type="http://schemas.openxmlformats.org/officeDocument/2006/relationships/printerSettings" Target="../printerSettings/printerSettings10.bin"/><Relationship Id="rId5" Type="http://schemas.openxmlformats.org/officeDocument/2006/relationships/hyperlink" Target="https://www.cmfchile.cl/portal/prensa/615/w3-article-86543.html" TargetMode="External"/><Relationship Id="rId4" Type="http://schemas.openxmlformats.org/officeDocument/2006/relationships/hyperlink" Target="https://www.camara.cl/legislacion/ProyectosDeLey/tramitacion.aspx?prmID=18078&amp;prmBOLETIN=17446-17" TargetMode="External"/></Relationships>
</file>

<file path=xl/worksheets/_rels/sheet2.xml.rels><?xml version="1.0" encoding="UTF-8" standalone="yes"?>
<Relationships xmlns="http://schemas.openxmlformats.org/package/2006/relationships"><Relationship Id="rId8" Type="http://schemas.openxmlformats.org/officeDocument/2006/relationships/printerSettings" Target="../printerSettings/printerSettings2.bin"/><Relationship Id="rId3" Type="http://schemas.openxmlformats.org/officeDocument/2006/relationships/hyperlink" Target="https://www.ilo.org/international-labour-standards" TargetMode="External"/><Relationship Id="rId7" Type="http://schemas.openxmlformats.org/officeDocument/2006/relationships/hyperlink" Target="https://unglobalcompact.org/what-is-gc/mission/principles" TargetMode="External"/><Relationship Id="rId2" Type="http://schemas.openxmlformats.org/officeDocument/2006/relationships/hyperlink" Target="https://www.ohchr.org/sites/default/files/Documents/Publications/GuidingPrinciplesBusinessHR_EN.pdf" TargetMode="External"/><Relationship Id="rId1" Type="http://schemas.openxmlformats.org/officeDocument/2006/relationships/hyperlink" Target="https://www.oecd-ilibrary.org/finance-and-investment/oecd-guidelines-for-multinational-enterprises-on-responsible-business-conduct_81f92357-en" TargetMode="External"/><Relationship Id="rId6" Type="http://schemas.openxmlformats.org/officeDocument/2006/relationships/hyperlink" Target="https://www.ifrs.org/issued-standards/ifrs-sustainability-standards-navigator/" TargetMode="External"/><Relationship Id="rId5" Type="http://schemas.openxmlformats.org/officeDocument/2006/relationships/hyperlink" Target="https://www.globalreporting.org/standards/" TargetMode="External"/><Relationship Id="rId4" Type="http://schemas.openxmlformats.org/officeDocument/2006/relationships/hyperlink" Target="https://www.ifc.org/en/insights-reports/2012/ifc-performance-standards" TargetMode="External"/><Relationship Id="rId9" Type="http://schemas.openxmlformats.org/officeDocument/2006/relationships/drawing" Target="../drawings/drawing2.xml"/></Relationships>
</file>

<file path=xl/worksheets/_rels/sheet3.xml.rels><?xml version="1.0" encoding="UTF-8" standalone="yes"?>
<Relationships xmlns="http://schemas.openxmlformats.org/package/2006/relationships"><Relationship Id="rId3" Type="http://schemas.openxmlformats.org/officeDocument/2006/relationships/hyperlink" Target="https://frcnigeria.gov.ng/wp-content/uploads/2024/07/FINAL-COPY-OF-SUSTAINABILITY-ROADMAP1.pdf" TargetMode="External"/><Relationship Id="rId7" Type="http://schemas.openxmlformats.org/officeDocument/2006/relationships/drawing" Target="../drawings/drawing3.xml"/><Relationship Id="rId2" Type="http://schemas.openxmlformats.org/officeDocument/2006/relationships/hyperlink" Target="https://www.cac.gov.ng/wp-content/uploads/2020/12/CAMA-NOTE-BOOK-FULL-VERSION.pdf" TargetMode="External"/><Relationship Id="rId1" Type="http://schemas.openxmlformats.org/officeDocument/2006/relationships/hyperlink" Target="https://www.joradp.dz/FTP/jo-francais/2024/F2024016.pdf?" TargetMode="External"/><Relationship Id="rId6" Type="http://schemas.openxmlformats.org/officeDocument/2006/relationships/printerSettings" Target="../printerSettings/printerSettings3.bin"/><Relationship Id="rId5" Type="http://schemas.openxmlformats.org/officeDocument/2006/relationships/hyperlink" Target="https://ir.parliament.gh/bitstream/handle/123456789/1874/ACT%20651.pdf?sequence=3&amp;isAllowed=y" TargetMode="External"/><Relationship Id="rId4" Type="http://schemas.openxmlformats.org/officeDocument/2006/relationships/hyperlink" Target="https://www.icpak.com/roadmap-for-the-adoption-of-ifrs-sustainability-disclosure-standards-in-kenya/?" TargetMode="External"/></Relationships>
</file>

<file path=xl/worksheets/_rels/sheet4.xml.rels><?xml version="1.0" encoding="UTF-8" standalone="yes"?>
<Relationships xmlns="http://schemas.openxmlformats.org/package/2006/relationships"><Relationship Id="rId8" Type="http://schemas.openxmlformats.org/officeDocument/2006/relationships/hyperlink" Target="https://kjs.mof.gov.cn/zhengcefabu/202412/P020241216565879245839.pdf" TargetMode="External"/><Relationship Id="rId13" Type="http://schemas.openxmlformats.org/officeDocument/2006/relationships/hyperlink" Target="https://www.fstb.gov.hk/fsb/en/publication/report/docs/FSTB_Roadmap2024_eBooklet_EN.pdf" TargetMode="External"/><Relationship Id="rId18" Type="http://schemas.openxmlformats.org/officeDocument/2006/relationships/hyperlink" Target="https://www.bursamalaysia.com/sites/5bb54be15f36ca0af339077a/assets/66f25b70e6414a5df5455a77/CP_Consolidated_Proposed_Amendments__FINAL_.pdf" TargetMode="External"/><Relationship Id="rId3" Type="http://schemas.openxmlformats.org/officeDocument/2006/relationships/hyperlink" Target="https://www.komnasham.go.id/files/20180214-national-action-plan-on-bussiness-$0PU5O0.pdf" TargetMode="External"/><Relationship Id="rId21" Type="http://schemas.openxmlformats.org/officeDocument/2006/relationships/printerSettings" Target="../printerSettings/printerSettings4.bin"/><Relationship Id="rId7" Type="http://schemas.openxmlformats.org/officeDocument/2006/relationships/hyperlink" Target="https://documents1.worldbank.org/curated/en/099084503102316232/pdf/P1626050c673020320adf60bbaaf0f53be4.pdf" TargetMode="External"/><Relationship Id="rId12" Type="http://schemas.openxmlformats.org/officeDocument/2006/relationships/hyperlink" Target="https://www.sse.com.cn/lawandrules/sselawsrules/stocks/mainipo/a/20240412/dff04ac2a0a26348c4fd52dfe1cabbb7.docx" TargetMode="External"/><Relationship Id="rId17" Type="http://schemas.openxmlformats.org/officeDocument/2006/relationships/hyperlink" Target="https://www.ssb-j.jp/jp/wp-content/uploads/sites/7/20250305_e.pdf" TargetMode="External"/><Relationship Id="rId2" Type="http://schemas.openxmlformats.org/officeDocument/2006/relationships/hyperlink" Target="https://www.sebi.gov.in/legal/circulars/jul-2023/brsr-core-framework-for-assurance-and-esg-disclosures-for-value-chain_73854.html" TargetMode="External"/><Relationship Id="rId16" Type="http://schemas.openxmlformats.org/officeDocument/2006/relationships/hyperlink" Target="https://www.secp.gov.pk/wp-content/uploads/2025/01/Press-release-on-Jan-1.pdf" TargetMode="External"/><Relationship Id="rId20" Type="http://schemas.openxmlformats.org/officeDocument/2006/relationships/hyperlink" Target="https://web.iaiglobal.or.id/Berita-IAI/detail/pengesahan_draf_eksposur_standar_pengungkapan_keberlanjutan" TargetMode="External"/><Relationship Id="rId1" Type="http://schemas.openxmlformats.org/officeDocument/2006/relationships/hyperlink" Target="https://www.sebi.gov.in/legal/regulations/jul-2024/securities-and-exchange-board-of-india-listing-obligations-and-disclosure-requirements-regulations-2015-last-amended-on-july-10-2024-_84817.html" TargetMode="External"/><Relationship Id="rId6" Type="http://schemas.openxmlformats.org/officeDocument/2006/relationships/hyperlink" Target="https://www.fao.org/faolex/results/details/en/c/LEX-FAOC213622" TargetMode="External"/><Relationship Id="rId11" Type="http://schemas.openxmlformats.org/officeDocument/2006/relationships/hyperlink" Target="https://jdih.menlhk.co.id/uploads/files/P_21_2020_PENILAIAN_KINERJA_PHPL_DAN_VLK_IPHHK_menlhk_11092020081219.pdf" TargetMode="External"/><Relationship Id="rId5" Type="http://schemas.openxmlformats.org/officeDocument/2006/relationships/hyperlink" Target="https://jdih.kemendag.go.id/depan/js/pdfjs/web/viewer.html?file=https://jdih.kemendag.go.id/backendx/image/regulasi/25000717_PERMENDAG_No._84_TAHUN_2016.pdf" TargetMode="External"/><Relationship Id="rId15" Type="http://schemas.openxmlformats.org/officeDocument/2006/relationships/hyperlink" Target="https://regco.sgx.com/regco/public-consultations/20240307-consultation-paper-sustainability-reporting-enhancing" TargetMode="External"/><Relationship Id="rId10" Type="http://schemas.openxmlformats.org/officeDocument/2006/relationships/hyperlink" Target="https://ratchakitcha.soc.go.th/documents/48509.pdf" TargetMode="External"/><Relationship Id="rId19" Type="http://schemas.openxmlformats.org/officeDocument/2006/relationships/hyperlink" Target="https://www.sec.gov.ph/wp-content/uploads/2023/10/2023RFC_SuRe-Guidelines.pdf" TargetMode="External"/><Relationship Id="rId4" Type="http://schemas.openxmlformats.org/officeDocument/2006/relationships/hyperlink" Target="https://www.rinya.maff.go.jp/j/riyou/goho/english/attach/pdf/english-index-3.pdf" TargetMode="External"/><Relationship Id="rId9" Type="http://schemas.openxmlformats.org/officeDocument/2006/relationships/hyperlink" Target="https://www.legco.gov.hk/yr17-18/chinese/panels/se/papers/secb2-765-1-ec.pdf" TargetMode="External"/><Relationship Id="rId14" Type="http://schemas.openxmlformats.org/officeDocument/2006/relationships/hyperlink" Target="https://faolex.fao.org/docs/pdf/kor136715.pdf" TargetMode="External"/><Relationship Id="rId22" Type="http://schemas.openxmlformats.org/officeDocument/2006/relationships/drawing" Target="../drawings/drawing4.xml"/></Relationships>
</file>

<file path=xl/worksheets/_rels/sheet5.xml.rels><?xml version="1.0" encoding="UTF-8" standalone="yes"?>
<Relationships xmlns="http://schemas.openxmlformats.org/package/2006/relationships"><Relationship Id="rId3" Type="http://schemas.openxmlformats.org/officeDocument/2006/relationships/hyperlink" Target="https://www.legislation.govt.nz/act/public/1949/0019/latest/DLM255626.html" TargetMode="External"/><Relationship Id="rId2" Type="http://schemas.openxmlformats.org/officeDocument/2006/relationships/hyperlink" Target="https://faolex.fao.org/docs/pdf/aus158000.pdf" TargetMode="External"/><Relationship Id="rId1" Type="http://schemas.openxmlformats.org/officeDocument/2006/relationships/hyperlink" Target="https://www.legislation.gov.au/C2018A00153/latest/text" TargetMode="External"/><Relationship Id="rId6" Type="http://schemas.openxmlformats.org/officeDocument/2006/relationships/drawing" Target="../drawings/drawing5.xml"/><Relationship Id="rId5" Type="http://schemas.openxmlformats.org/officeDocument/2006/relationships/printerSettings" Target="../printerSettings/printerSettings5.bin"/><Relationship Id="rId4" Type="http://schemas.openxmlformats.org/officeDocument/2006/relationships/hyperlink" Target="https://www.aph.gov.au/Parliamentary_Business/Bills_Legislation/Bills_Search_Results/Result?bId=r7176" TargetMode="External"/></Relationships>
</file>

<file path=xl/worksheets/_rels/sheet6.xml.rels><?xml version="1.0" encoding="UTF-8" standalone="yes"?>
<Relationships xmlns="http://schemas.openxmlformats.org/package/2006/relationships"><Relationship Id="rId8" Type="http://schemas.openxmlformats.org/officeDocument/2006/relationships/hyperlink" Target="https://eur-lex.europa.eu/legal-content/EN/TXT/?uri=CELEX%3A32024D1412" TargetMode="External"/><Relationship Id="rId13" Type="http://schemas.openxmlformats.org/officeDocument/2006/relationships/drawing" Target="../drawings/drawing6.xml"/><Relationship Id="rId3" Type="http://schemas.openxmlformats.org/officeDocument/2006/relationships/hyperlink" Target="https://eur-lex.europa.eu/eli/dir/2024/1760/oj/eng" TargetMode="External"/><Relationship Id="rId7" Type="http://schemas.openxmlformats.org/officeDocument/2006/relationships/hyperlink" Target="https://eur-lex.europa.eu/eli/reg/2002/2368/oj/eng" TargetMode="External"/><Relationship Id="rId12" Type="http://schemas.openxmlformats.org/officeDocument/2006/relationships/printerSettings" Target="../printerSettings/printerSettings6.bin"/><Relationship Id="rId2" Type="http://schemas.openxmlformats.org/officeDocument/2006/relationships/hyperlink" Target="https://eur-lex.europa.eu/eli/reg/2023/1115/oj/eng" TargetMode="External"/><Relationship Id="rId1" Type="http://schemas.openxmlformats.org/officeDocument/2006/relationships/hyperlink" Target="https://eur-lex.europa.eu/eli/reg/2023/1542/oj/eng" TargetMode="External"/><Relationship Id="rId6" Type="http://schemas.openxmlformats.org/officeDocument/2006/relationships/hyperlink" Target="https://eur-lex.europa.eu/eli/reg/2024/3015/oj/eng" TargetMode="External"/><Relationship Id="rId11" Type="http://schemas.openxmlformats.org/officeDocument/2006/relationships/hyperlink" Target="https://eur-lex.europa.eu/legal-content/EN/TXT/?uri=CELEX:32022L2464" TargetMode="External"/><Relationship Id="rId5" Type="http://schemas.openxmlformats.org/officeDocument/2006/relationships/hyperlink" Target="https://eur-lex.europa.eu/eli/reg/2017/821/oj/eng" TargetMode="External"/><Relationship Id="rId10" Type="http://schemas.openxmlformats.org/officeDocument/2006/relationships/hyperlink" Target="https://eur-lex.europa.eu/eli/dec/2023/904/oj/eng" TargetMode="External"/><Relationship Id="rId4" Type="http://schemas.openxmlformats.org/officeDocument/2006/relationships/hyperlink" Target="https://www.legislation.gov.uk/eur/2010/995" TargetMode="External"/><Relationship Id="rId9" Type="http://schemas.openxmlformats.org/officeDocument/2006/relationships/hyperlink" Target="https://eur-lex.europa.eu/eli/agree_internation/2021/964/oj/eng" TargetMode="External"/></Relationships>
</file>

<file path=xl/worksheets/_rels/sheet7.xml.rels><?xml version="1.0" encoding="UTF-8" standalone="yes"?>
<Relationships xmlns="http://schemas.openxmlformats.org/package/2006/relationships"><Relationship Id="rId8" Type="http://schemas.openxmlformats.org/officeDocument/2006/relationships/hyperlink" Target="https://lex.weblaw.ch/lex.php?norm_id=814.01&amp;source=SR&amp;lex_id=18101&amp;file=en-pdf_file_a.pdf" TargetMode="External"/><Relationship Id="rId13" Type="http://schemas.openxmlformats.org/officeDocument/2006/relationships/hyperlink" Target="https://cn-1998260773-11-7vnsr40130.ibosscloud.com/syncCustomBranding/block_page/121719/563/563-block_page.html?fn=Default+TS+Users&amp;fp=1&amp;bu=legislatie.just.ro/Public/DetaliiDocument/274629&amp;bc=Geo+Ip+Location+RO&amp;ip=86.188.232.4&amp;ibip=cn-1174729809-9-vnsg14317.ibosscloud.com&amp;user=hsla&amp;pc=1" TargetMode="External"/><Relationship Id="rId18" Type="http://schemas.openxmlformats.org/officeDocument/2006/relationships/hyperlink" Target="https://www.legifrance.gouv.fr/jorf/id/JORFTEXT000034290626/" TargetMode="External"/><Relationship Id="rId26" Type="http://schemas.openxmlformats.org/officeDocument/2006/relationships/hyperlink" Target="http://w1.c1.rada.gov.ua/pls/zweb2/webproc4_1?pf3511=76713" TargetMode="External"/><Relationship Id="rId3" Type="http://schemas.openxmlformats.org/officeDocument/2006/relationships/hyperlink" Target="https://www.eerstekamer.nl/behandeling/20221102/voorstel_van_wet_zoals_gewijzigd/document3/f=/vlxokdmtrnyr.pdf" TargetMode="External"/><Relationship Id="rId21" Type="http://schemas.openxmlformats.org/officeDocument/2006/relationships/hyperlink" Target="https://www.fedlex.admin.ch/eli/fga/2025/7/fr" TargetMode="External"/><Relationship Id="rId7" Type="http://schemas.openxmlformats.org/officeDocument/2006/relationships/hyperlink" Target="https://www.fedlex.admin.ch/eli/cc/2021/847/en" TargetMode="External"/><Relationship Id="rId12" Type="http://schemas.openxmlformats.org/officeDocument/2006/relationships/hyperlink" Target="https://lovdata.no/static/lovtidend/ltavd1/2024/nl-20240625-069.pdf" TargetMode="External"/><Relationship Id="rId17" Type="http://schemas.openxmlformats.org/officeDocument/2006/relationships/hyperlink" Target="https://www.legislation.gov.uk/uksi/2018/1025/contents/made" TargetMode="External"/><Relationship Id="rId25" Type="http://schemas.openxmlformats.org/officeDocument/2006/relationships/hyperlink" Target="https://www.newsd.admin.ch/newsd/message/attachments/88438.pdf" TargetMode="External"/><Relationship Id="rId2" Type="http://schemas.openxmlformats.org/officeDocument/2006/relationships/hyperlink" Target="https://data.oireachtas.ie/ie/oireachtas/bill/2021/45/eng/initiated/86355-labour-exploitation-and-trafficking-audit-of-supply-chains-bill-2021.pdf" TargetMode="External"/><Relationship Id="rId16" Type="http://schemas.openxmlformats.org/officeDocument/2006/relationships/hyperlink" Target="https://www.legislation.gov.uk/ukpga/2021/30/contents" TargetMode="External"/><Relationship Id="rId20" Type="http://schemas.openxmlformats.org/officeDocument/2006/relationships/hyperlink" Target="https://kgk.gov.tr/Portalv2Uploads/files/Duyurular/v2/Surdurulebilirlik/Duyuru/KurumsalSurdurulebilirlikRaporlar%C4%B1naYonelikZorunluGuvenceDenetimlerineIliskinDuyuru.pdf" TargetMode="External"/><Relationship Id="rId29" Type="http://schemas.openxmlformats.org/officeDocument/2006/relationships/vmlDrawing" Target="../drawings/vmlDrawing1.vml"/><Relationship Id="rId1" Type="http://schemas.openxmlformats.org/officeDocument/2006/relationships/hyperlink" Target="https://www.csr-in-deutschland.de/SharedDocs/Downloads/EN/act-corporate-due-diligence-obligations-supply-chains.pdf?__blob=publicationFile" TargetMode="External"/><Relationship Id="rId6" Type="http://schemas.openxmlformats.org/officeDocument/2006/relationships/hyperlink" Target="https://www.wto.org/english/thewto_e/acc_e/rus_e/wtaccrus58_leg_255.pdf" TargetMode="External"/><Relationship Id="rId11" Type="http://schemas.openxmlformats.org/officeDocument/2006/relationships/hyperlink" Target="https://www.regeringen.se/contentassets/a976b85199eb4f838acd87a8b7c13d50/genomforande-av-eus-direktiv-om-tillborlig-aktsamhet-for-foretag-i-fraga-om-hallbarhet-dir.-2024123.pdf" TargetMode="External"/><Relationship Id="rId24" Type="http://schemas.openxmlformats.org/officeDocument/2006/relationships/hyperlink" Target="https://www.internetconsultatie.nl/wivo/document/13296" TargetMode="External"/><Relationship Id="rId5" Type="http://schemas.openxmlformats.org/officeDocument/2006/relationships/hyperlink" Target="https://www.regjeringen.no/contentassets/c33c3faf340441faa7388331a735f9d9/transparency-act-english-translation.pdf" TargetMode="External"/><Relationship Id="rId15" Type="http://schemas.openxmlformats.org/officeDocument/2006/relationships/hyperlink" Target="https://www.legislation.gov.uk/ukpga/2015/30/contents/enacted" TargetMode="External"/><Relationship Id="rId23" Type="http://schemas.openxmlformats.org/officeDocument/2006/relationships/hyperlink" Target="https://www.legislation.gov.uk/ukpga/2006/46/contents" TargetMode="External"/><Relationship Id="rId28" Type="http://schemas.openxmlformats.org/officeDocument/2006/relationships/drawing" Target="../drawings/drawing7.xml"/><Relationship Id="rId10" Type="http://schemas.openxmlformats.org/officeDocument/2006/relationships/hyperlink" Target="https://www.lamoncloa.gob.es/consejodeministros/resumenes/Documents/2022/PAN%20202.pdf" TargetMode="External"/><Relationship Id="rId19" Type="http://schemas.openxmlformats.org/officeDocument/2006/relationships/hyperlink" Target="https://www.agindustries.org.uk/resource/uk-forest-risk-commodity-regulation-ukfrc-and-eu-deforestation-regulation-eudr-frequently-asked-questions.html" TargetMode="External"/><Relationship Id="rId31" Type="http://schemas.microsoft.com/office/2017/10/relationships/threadedComment" Target="../threadedComments/threadedComment1.xml"/><Relationship Id="rId4" Type="http://schemas.openxmlformats.org/officeDocument/2006/relationships/hyperlink" Target="https://www.mvoplatform.nl/en/wp-content/uploads/sites/6/2021/03/Bill-for-Responsible-and-Sustainable-International-Business-Conduct-unofficial-translation-MVO-Platform.pdf" TargetMode="External"/><Relationship Id="rId9" Type="http://schemas.openxmlformats.org/officeDocument/2006/relationships/hyperlink" Target="https://www.fedlex.admin.ch/eli/cc/2021/306/en" TargetMode="External"/><Relationship Id="rId14" Type="http://schemas.openxmlformats.org/officeDocument/2006/relationships/hyperlink" Target="https://www.parlament.gv.at/dokument/XXVII/A/1454/fnameorig_935996.html" TargetMode="External"/><Relationship Id="rId22" Type="http://schemas.openxmlformats.org/officeDocument/2006/relationships/hyperlink" Target="https://www.fedlex.admin.ch/eli/oc/2021/846/fr" TargetMode="External"/><Relationship Id="rId27" Type="http://schemas.openxmlformats.org/officeDocument/2006/relationships/printerSettings" Target="../printerSettings/printerSettings7.bin"/><Relationship Id="rId30" Type="http://schemas.openxmlformats.org/officeDocument/2006/relationships/comments" Target="../comments1.xml"/></Relationships>
</file>

<file path=xl/worksheets/_rels/sheet8.xml.rels><?xml version="1.0" encoding="UTF-8" standalone="yes"?>
<Relationships xmlns="http://schemas.openxmlformats.org/package/2006/relationships"><Relationship Id="rId3" Type="http://schemas.openxmlformats.org/officeDocument/2006/relationships/hyperlink" Target="https://qfcra-en.thomsonreuters.com/rulebook/qfcra-rm2025-1-corporate-sustainability-reporting-and-minor-and-technical-amendments-rules" TargetMode="External"/><Relationship Id="rId2" Type="http://schemas.openxmlformats.org/officeDocument/2006/relationships/hyperlink" Target="https://fra.gov.eg/wp-content/uploads/2021/12/107-2021%D8%AA%D9%85-%D8%AA%D8%B9%D8%AF%D9%8A%D9%84%D9%87.pdf" TargetMode="External"/><Relationship Id="rId1" Type="http://schemas.openxmlformats.org/officeDocument/2006/relationships/hyperlink" Target="https://www.moec.gov.ae/documents/20121/296716/MOE_Due+Diligince+Regulations+V9_EN.pdf" TargetMode="External"/><Relationship Id="rId5" Type="http://schemas.openxmlformats.org/officeDocument/2006/relationships/drawing" Target="../drawings/drawing8.xml"/><Relationship Id="rId4" Type="http://schemas.openxmlformats.org/officeDocument/2006/relationships/printerSettings" Target="../printerSettings/printerSettings8.bin"/></Relationships>
</file>

<file path=xl/worksheets/_rels/sheet9.xml.rels><?xml version="1.0" encoding="UTF-8" standalone="yes"?>
<Relationships xmlns="http://schemas.openxmlformats.org/package/2006/relationships"><Relationship Id="rId8" Type="http://schemas.openxmlformats.org/officeDocument/2006/relationships/hyperlink" Target="https://www.nysenate.gov/legislation/bills/2025/S4558/amendment/original" TargetMode="External"/><Relationship Id="rId3" Type="http://schemas.openxmlformats.org/officeDocument/2006/relationships/hyperlink" Target="https://www.congress.gov/bill/117th-congress/house-bill/6256/text" TargetMode="External"/><Relationship Id="rId7" Type="http://schemas.openxmlformats.org/officeDocument/2006/relationships/hyperlink" Target="https://laws.justice.gc.ca/eng/acts/F-10.6/" TargetMode="External"/><Relationship Id="rId2" Type="http://schemas.openxmlformats.org/officeDocument/2006/relationships/hyperlink" Target="https://www.congress.gov/bill/111th-congress/house-bill/4173" TargetMode="External"/><Relationship Id="rId1" Type="http://schemas.openxmlformats.org/officeDocument/2006/relationships/hyperlink" Target="https://oag.ca.gov/sites/all/files/agweb/pdfs/cybersafety/sb_657_bill_ch556.pdf" TargetMode="External"/><Relationship Id="rId6" Type="http://schemas.openxmlformats.org/officeDocument/2006/relationships/hyperlink" Target="https://laws.flrules.org/2024/185" TargetMode="External"/><Relationship Id="rId11" Type="http://schemas.openxmlformats.org/officeDocument/2006/relationships/drawing" Target="../drawings/drawing9.xml"/><Relationship Id="rId5" Type="http://schemas.openxmlformats.org/officeDocument/2006/relationships/hyperlink" Target="https://www.congress.gov/118/bills/hr4451/BILLS-118hr4451ih.pdf" TargetMode="External"/><Relationship Id="rId10" Type="http://schemas.openxmlformats.org/officeDocument/2006/relationships/printerSettings" Target="../printerSettings/printerSettings9.bin"/><Relationship Id="rId4" Type="http://schemas.openxmlformats.org/officeDocument/2006/relationships/hyperlink" Target="https://www.cecc.gov/sites/evo-subsites/www.cecc.gov/files/2025-07/ugasa-introduced.pdf" TargetMode="External"/><Relationship Id="rId9" Type="http://schemas.openxmlformats.org/officeDocument/2006/relationships/hyperlink" Target="https://budget.canada.ca/update-miseajour/2024/home-accueil-en.html?utm_campaign=fin-fin-update-miseajour-24-25&amp;utm_medium=canadacafeature"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DB53632-DDE0-4F64-813B-35E917A04D36}">
  <sheetPr>
    <tabColor theme="1" tint="0.79998168889431442"/>
  </sheetPr>
  <dimension ref="B1:U13"/>
  <sheetViews>
    <sheetView tabSelected="1" topLeftCell="A4" zoomScale="130" zoomScaleNormal="130" workbookViewId="0">
      <selection activeCell="C15" sqref="C15"/>
    </sheetView>
  </sheetViews>
  <sheetFormatPr defaultColWidth="7.875" defaultRowHeight="14.25" x14ac:dyDescent="0.2"/>
  <cols>
    <col min="1" max="1" width="3.5" style="18" customWidth="1"/>
    <col min="2" max="2" width="9" style="18" customWidth="1"/>
    <col min="3" max="3" width="105.875" style="18" customWidth="1"/>
    <col min="4" max="4" width="54.375" style="18" customWidth="1"/>
    <col min="5" max="5" width="9.125" style="18" customWidth="1"/>
    <col min="6" max="6" width="12.875" style="18" customWidth="1"/>
    <col min="7" max="7" width="10.875" style="18" customWidth="1"/>
    <col min="8" max="9" width="11.875" style="18" customWidth="1"/>
    <col min="10" max="16384" width="7.875" style="18"/>
  </cols>
  <sheetData>
    <row r="1" spans="2:21" ht="27.75" x14ac:dyDescent="0.4">
      <c r="B1" s="255" t="s">
        <v>521</v>
      </c>
      <c r="C1" s="255"/>
      <c r="D1" s="255"/>
      <c r="E1" s="255"/>
      <c r="F1" s="17"/>
      <c r="G1" s="17"/>
      <c r="H1" s="17"/>
      <c r="I1" s="17"/>
      <c r="J1" s="17"/>
      <c r="K1" s="17"/>
      <c r="L1" s="17"/>
      <c r="M1" s="17"/>
      <c r="N1" s="17"/>
      <c r="O1" s="17"/>
      <c r="P1" s="17"/>
      <c r="Q1" s="17"/>
      <c r="R1" s="17"/>
      <c r="S1" s="17"/>
      <c r="T1" s="17"/>
      <c r="U1" s="17"/>
    </row>
    <row r="2" spans="2:21" ht="28.5" thickBot="1" x14ac:dyDescent="0.45">
      <c r="B2" s="17"/>
      <c r="C2" s="17"/>
      <c r="D2" s="17"/>
      <c r="E2" s="17"/>
      <c r="F2" s="17"/>
      <c r="G2" s="17"/>
      <c r="H2" s="17"/>
      <c r="I2" s="17"/>
      <c r="J2" s="17"/>
      <c r="K2" s="17"/>
      <c r="L2" s="17"/>
      <c r="M2" s="17"/>
      <c r="N2" s="17"/>
      <c r="O2" s="17"/>
      <c r="P2" s="17"/>
      <c r="Q2" s="17"/>
      <c r="R2" s="17"/>
      <c r="S2" s="17"/>
      <c r="T2" s="17"/>
      <c r="U2" s="17"/>
    </row>
    <row r="3" spans="2:21" ht="27.75" x14ac:dyDescent="0.4">
      <c r="B3" s="84" t="s">
        <v>77</v>
      </c>
      <c r="C3" s="85" t="s">
        <v>78</v>
      </c>
      <c r="D3" s="256"/>
      <c r="E3" s="257"/>
      <c r="F3" s="19"/>
      <c r="G3" s="19"/>
      <c r="H3" s="19"/>
      <c r="I3" s="19"/>
      <c r="J3" s="19"/>
      <c r="K3" s="19"/>
      <c r="L3" s="19"/>
      <c r="M3" s="19"/>
      <c r="N3" s="19"/>
      <c r="O3" s="19"/>
      <c r="P3" s="19"/>
      <c r="Q3" s="17"/>
      <c r="R3" s="17"/>
      <c r="S3" s="17"/>
      <c r="T3" s="17"/>
      <c r="U3" s="17"/>
    </row>
    <row r="4" spans="2:21" ht="21.75" customHeight="1" thickBot="1" x14ac:dyDescent="0.45">
      <c r="B4" s="250">
        <v>3</v>
      </c>
      <c r="C4" s="251">
        <v>45905</v>
      </c>
      <c r="D4" s="258"/>
      <c r="E4" s="259"/>
      <c r="F4" s="19"/>
      <c r="G4" s="19"/>
      <c r="H4" s="19"/>
      <c r="I4" s="19"/>
      <c r="J4" s="19"/>
      <c r="K4" s="19"/>
      <c r="L4" s="19"/>
      <c r="M4" s="19"/>
      <c r="N4" s="19"/>
      <c r="O4" s="19"/>
      <c r="P4" s="19"/>
      <c r="Q4" s="17"/>
      <c r="R4" s="17"/>
      <c r="S4" s="17"/>
      <c r="T4" s="17"/>
      <c r="U4" s="17"/>
    </row>
    <row r="5" spans="2:21" ht="21" customHeight="1" x14ac:dyDescent="0.4">
      <c r="B5" s="17"/>
      <c r="C5" s="17"/>
      <c r="D5" s="17"/>
      <c r="E5" s="17"/>
      <c r="F5" s="17"/>
      <c r="G5" s="17"/>
      <c r="H5" s="17"/>
      <c r="I5" s="17"/>
      <c r="J5" s="17"/>
      <c r="K5" s="17"/>
      <c r="L5" s="17"/>
      <c r="M5" s="17"/>
      <c r="N5" s="17"/>
      <c r="O5" s="17"/>
      <c r="P5" s="17"/>
      <c r="Q5" s="17"/>
      <c r="R5" s="17"/>
      <c r="S5" s="17"/>
      <c r="T5" s="17"/>
      <c r="U5" s="17"/>
    </row>
    <row r="6" spans="2:21" ht="22.5" customHeight="1" thickBot="1" x14ac:dyDescent="0.25">
      <c r="B6" s="20"/>
      <c r="C6" s="20"/>
      <c r="D6" s="20"/>
      <c r="E6" s="19"/>
      <c r="F6" s="19"/>
      <c r="G6" s="19"/>
      <c r="H6" s="19"/>
      <c r="I6" s="19"/>
      <c r="J6" s="19"/>
      <c r="K6" s="19"/>
      <c r="L6" s="19"/>
      <c r="M6" s="19"/>
      <c r="N6" s="19"/>
      <c r="O6" s="19"/>
      <c r="P6" s="19"/>
      <c r="Q6" s="19"/>
      <c r="R6" s="19"/>
      <c r="S6" s="19"/>
      <c r="T6" s="19"/>
      <c r="U6" s="19"/>
    </row>
    <row r="7" spans="2:21" ht="165" customHeight="1" thickBot="1" x14ac:dyDescent="0.25">
      <c r="B7" s="252" t="s">
        <v>522</v>
      </c>
      <c r="C7" s="253"/>
      <c r="D7" s="253"/>
      <c r="E7" s="254"/>
      <c r="F7" s="19"/>
      <c r="G7" s="19"/>
      <c r="H7" s="19"/>
      <c r="I7" s="19"/>
      <c r="J7" s="19"/>
      <c r="K7" s="19"/>
      <c r="L7" s="19"/>
      <c r="M7" s="19"/>
      <c r="N7" s="19"/>
      <c r="O7" s="19"/>
      <c r="P7" s="19"/>
      <c r="Q7" s="19"/>
      <c r="R7" s="19"/>
      <c r="S7" s="19"/>
      <c r="T7" s="19"/>
      <c r="U7" s="19"/>
    </row>
    <row r="8" spans="2:21" ht="29.25" customHeight="1" thickBot="1" x14ac:dyDescent="0.25">
      <c r="B8" s="20"/>
      <c r="C8" s="20"/>
      <c r="D8" s="20"/>
      <c r="E8" s="19"/>
      <c r="F8" s="19"/>
      <c r="G8" s="19"/>
      <c r="H8" s="19"/>
      <c r="I8" s="19"/>
      <c r="J8" s="19"/>
      <c r="K8" s="19"/>
      <c r="L8" s="19"/>
      <c r="M8" s="19"/>
      <c r="N8" s="19"/>
      <c r="O8" s="19"/>
      <c r="P8" s="19"/>
      <c r="Q8" s="19"/>
      <c r="R8" s="19"/>
      <c r="S8" s="19"/>
      <c r="T8" s="19"/>
      <c r="U8" s="19"/>
    </row>
    <row r="9" spans="2:21" ht="192.75" customHeight="1" thickBot="1" x14ac:dyDescent="0.25">
      <c r="B9" s="260" t="s">
        <v>523</v>
      </c>
      <c r="C9" s="261"/>
      <c r="D9" s="261"/>
      <c r="E9" s="262"/>
      <c r="F9" s="19"/>
      <c r="G9" s="19"/>
      <c r="H9" s="19"/>
      <c r="I9" s="19"/>
      <c r="J9" s="19"/>
      <c r="K9" s="19"/>
      <c r="L9" s="19"/>
      <c r="M9" s="19"/>
      <c r="N9" s="19"/>
      <c r="O9" s="19"/>
      <c r="P9" s="19"/>
      <c r="Q9" s="19"/>
      <c r="R9" s="19"/>
      <c r="S9" s="19"/>
      <c r="T9" s="19"/>
      <c r="U9" s="19"/>
    </row>
    <row r="10" spans="2:21" ht="28.5" customHeight="1" thickBot="1" x14ac:dyDescent="0.25">
      <c r="B10" s="19"/>
      <c r="C10" s="19"/>
      <c r="D10" s="19"/>
      <c r="E10" s="19"/>
      <c r="F10" s="19"/>
      <c r="G10" s="19"/>
      <c r="H10" s="19"/>
      <c r="I10" s="19"/>
      <c r="J10" s="19"/>
      <c r="K10" s="19"/>
      <c r="L10" s="19"/>
      <c r="M10" s="19"/>
      <c r="N10" s="19"/>
      <c r="O10" s="19"/>
      <c r="P10" s="19"/>
      <c r="Q10" s="19"/>
      <c r="R10" s="19"/>
      <c r="S10" s="19"/>
      <c r="T10" s="19"/>
      <c r="U10" s="19"/>
    </row>
    <row r="11" spans="2:21" ht="188.45" customHeight="1" thickBot="1" x14ac:dyDescent="0.25">
      <c r="B11" s="260" t="s">
        <v>563</v>
      </c>
      <c r="C11" s="261"/>
      <c r="D11" s="261"/>
      <c r="E11" s="262"/>
      <c r="F11" s="19"/>
      <c r="G11" s="19"/>
      <c r="H11" s="19"/>
      <c r="I11" s="19"/>
      <c r="J11" s="19"/>
      <c r="K11" s="19"/>
      <c r="L11" s="19"/>
      <c r="M11" s="19"/>
      <c r="N11" s="19"/>
      <c r="O11" s="19"/>
      <c r="P11" s="19"/>
      <c r="Q11" s="19"/>
      <c r="R11" s="19"/>
      <c r="S11" s="19"/>
      <c r="T11" s="19"/>
      <c r="U11" s="19"/>
    </row>
    <row r="12" spans="2:21" ht="40.5" customHeight="1" x14ac:dyDescent="0.2">
      <c r="B12" s="19"/>
      <c r="C12" s="19"/>
      <c r="D12" s="19"/>
      <c r="E12" s="19"/>
      <c r="F12" s="19"/>
      <c r="G12" s="19"/>
      <c r="H12" s="19"/>
      <c r="I12" s="19"/>
      <c r="J12" s="19"/>
      <c r="K12" s="19"/>
      <c r="L12" s="19"/>
      <c r="M12" s="19"/>
      <c r="N12" s="19"/>
      <c r="O12" s="19"/>
      <c r="P12" s="19"/>
      <c r="Q12" s="19"/>
      <c r="R12" s="19"/>
      <c r="S12" s="19"/>
      <c r="T12" s="19"/>
      <c r="U12" s="19"/>
    </row>
    <row r="13" spans="2:21" ht="30.75" customHeight="1" x14ac:dyDescent="0.2"/>
  </sheetData>
  <mergeCells count="6">
    <mergeCell ref="B11:E11"/>
    <mergeCell ref="B7:E7"/>
    <mergeCell ref="B1:E1"/>
    <mergeCell ref="D3:E3"/>
    <mergeCell ref="D4:E4"/>
    <mergeCell ref="B9:E9"/>
  </mergeCells>
  <pageMargins left="0.7" right="0.7" top="0.75" bottom="0.75" header="0.3" footer="0.3"/>
  <pageSetup paperSize="9" orientation="portrait" r:id="rId1"/>
  <drawing r:id="rId2"/>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523C3A5-A58F-4971-A361-9112BE5B5518}">
  <sheetPr>
    <pageSetUpPr fitToPage="1"/>
  </sheetPr>
  <dimension ref="A1:N123"/>
  <sheetViews>
    <sheetView showGridLines="0" zoomScale="70" zoomScaleNormal="70" workbookViewId="0">
      <pane ySplit="6" topLeftCell="A9" activePane="bottomLeft" state="frozen"/>
      <selection pane="bottomLeft" activeCell="B8" sqref="B8"/>
    </sheetView>
  </sheetViews>
  <sheetFormatPr defaultColWidth="8.875" defaultRowHeight="14.25" x14ac:dyDescent="0.2"/>
  <cols>
    <col min="1" max="1" width="43.375" style="197" bestFit="1" customWidth="1"/>
    <col min="2" max="2" width="41.875" style="198" customWidth="1"/>
    <col min="3" max="3" width="29" style="200" customWidth="1"/>
    <col min="4" max="5" width="15.5" style="201" customWidth="1"/>
    <col min="6" max="8" width="13.125" style="201" customWidth="1"/>
    <col min="9" max="9" width="19" style="201" customWidth="1"/>
    <col min="10" max="10" width="56.5" style="199" customWidth="1"/>
    <col min="11" max="11" width="20.5" style="199" customWidth="1"/>
    <col min="12" max="12" width="41" style="199" customWidth="1"/>
    <col min="13" max="13" width="16.125" style="202" customWidth="1"/>
    <col min="14" max="14" width="33.5" style="201" customWidth="1"/>
    <col min="15" max="16384" width="8.875" style="197"/>
  </cols>
  <sheetData>
    <row r="1" spans="1:14" x14ac:dyDescent="0.2">
      <c r="B1" s="299"/>
      <c r="C1" s="297" t="s">
        <v>526</v>
      </c>
      <c r="D1" s="298"/>
      <c r="E1" s="298"/>
      <c r="F1" s="298"/>
      <c r="G1" s="298"/>
      <c r="H1" s="298"/>
      <c r="I1" s="298"/>
      <c r="J1" s="298"/>
      <c r="K1" s="298"/>
      <c r="L1" s="298"/>
      <c r="M1" s="298"/>
      <c r="N1" s="298"/>
    </row>
    <row r="2" spans="1:14" ht="30" customHeight="1" x14ac:dyDescent="0.2">
      <c r="B2" s="299"/>
      <c r="C2" s="298"/>
      <c r="D2" s="298"/>
      <c r="E2" s="298"/>
      <c r="F2" s="298"/>
      <c r="G2" s="298"/>
      <c r="H2" s="298"/>
      <c r="I2" s="298"/>
      <c r="J2" s="298"/>
      <c r="K2" s="298"/>
      <c r="L2" s="298"/>
      <c r="M2" s="298"/>
      <c r="N2" s="298"/>
    </row>
    <row r="3" spans="1:14" ht="7.5" customHeight="1" x14ac:dyDescent="0.2">
      <c r="B3" s="299"/>
      <c r="C3" s="298"/>
      <c r="D3" s="298"/>
      <c r="E3" s="298"/>
      <c r="F3" s="298"/>
      <c r="G3" s="298"/>
      <c r="H3" s="298"/>
      <c r="I3" s="298"/>
      <c r="J3" s="298"/>
      <c r="K3" s="298"/>
      <c r="L3" s="298"/>
      <c r="M3" s="298"/>
      <c r="N3" s="298"/>
    </row>
    <row r="4" spans="1:14" x14ac:dyDescent="0.2">
      <c r="B4" s="299"/>
      <c r="C4" s="298"/>
      <c r="D4" s="298"/>
      <c r="E4" s="298"/>
      <c r="F4" s="298"/>
      <c r="G4" s="298"/>
      <c r="H4" s="298"/>
      <c r="I4" s="298"/>
      <c r="J4" s="298"/>
      <c r="K4" s="298"/>
      <c r="L4" s="298"/>
      <c r="M4" s="298"/>
      <c r="N4" s="298"/>
    </row>
    <row r="5" spans="1:14" ht="21" customHeight="1" x14ac:dyDescent="0.2">
      <c r="B5" s="300"/>
      <c r="C5" s="298"/>
      <c r="D5" s="298"/>
      <c r="E5" s="298"/>
      <c r="F5" s="298"/>
      <c r="G5" s="298"/>
      <c r="H5" s="298"/>
      <c r="I5" s="298"/>
      <c r="J5" s="298"/>
      <c r="K5" s="298"/>
      <c r="L5" s="298"/>
      <c r="M5" s="298"/>
      <c r="N5" s="298"/>
    </row>
    <row r="6" spans="1:14" ht="52.5" customHeight="1" x14ac:dyDescent="0.2">
      <c r="B6" s="94" t="s">
        <v>7</v>
      </c>
      <c r="C6" s="95" t="s">
        <v>8</v>
      </c>
      <c r="D6" s="95" t="s">
        <v>59</v>
      </c>
      <c r="E6" s="95" t="s">
        <v>1</v>
      </c>
      <c r="F6" s="95" t="s">
        <v>6</v>
      </c>
      <c r="G6" s="95" t="s">
        <v>9</v>
      </c>
      <c r="H6" s="95" t="s">
        <v>12</v>
      </c>
      <c r="I6" s="95" t="s">
        <v>56</v>
      </c>
      <c r="J6" s="95" t="s">
        <v>5</v>
      </c>
      <c r="K6" s="95" t="s">
        <v>15</v>
      </c>
      <c r="L6" s="95" t="s">
        <v>16</v>
      </c>
      <c r="M6" s="95" t="s">
        <v>79</v>
      </c>
      <c r="N6" s="96" t="s">
        <v>10</v>
      </c>
    </row>
    <row r="7" spans="1:14" ht="24" customHeight="1" x14ac:dyDescent="0.2">
      <c r="B7" s="293" t="s">
        <v>34</v>
      </c>
      <c r="C7" s="294"/>
      <c r="D7" s="294"/>
      <c r="E7" s="294"/>
      <c r="F7" s="294"/>
      <c r="G7" s="294"/>
      <c r="H7" s="294"/>
      <c r="I7" s="294"/>
      <c r="J7" s="294"/>
      <c r="K7" s="294"/>
      <c r="L7" s="294"/>
      <c r="M7" s="294"/>
      <c r="N7" s="295"/>
    </row>
    <row r="8" spans="1:14" ht="409.15" customHeight="1" x14ac:dyDescent="0.2">
      <c r="A8" s="176" t="s">
        <v>506</v>
      </c>
      <c r="B8" s="97" t="s">
        <v>545</v>
      </c>
      <c r="C8" s="29" t="s">
        <v>488</v>
      </c>
      <c r="D8" s="45">
        <v>45200</v>
      </c>
      <c r="E8" s="35" t="s">
        <v>11</v>
      </c>
      <c r="F8" s="35" t="s">
        <v>31</v>
      </c>
      <c r="G8" s="35" t="s">
        <v>13</v>
      </c>
      <c r="H8" s="35" t="s">
        <v>74</v>
      </c>
      <c r="I8" s="35" t="s">
        <v>116</v>
      </c>
      <c r="J8" s="36" t="s">
        <v>507</v>
      </c>
      <c r="K8" s="36" t="s">
        <v>489</v>
      </c>
      <c r="L8" s="36" t="s">
        <v>229</v>
      </c>
      <c r="M8" s="55" t="s">
        <v>72</v>
      </c>
      <c r="N8" s="203" t="s">
        <v>118</v>
      </c>
    </row>
    <row r="9" spans="1:14" ht="223.15" customHeight="1" x14ac:dyDescent="0.2">
      <c r="B9" s="97" t="s">
        <v>34</v>
      </c>
      <c r="C9" s="29" t="s">
        <v>277</v>
      </c>
      <c r="D9" s="30">
        <v>45597</v>
      </c>
      <c r="E9" s="29" t="s">
        <v>11</v>
      </c>
      <c r="F9" s="29" t="s">
        <v>31</v>
      </c>
      <c r="G9" s="29" t="s">
        <v>22</v>
      </c>
      <c r="H9" s="29" t="s">
        <v>247</v>
      </c>
      <c r="I9" s="77" t="s">
        <v>61</v>
      </c>
      <c r="J9" s="31" t="s">
        <v>490</v>
      </c>
      <c r="K9" s="31" t="s">
        <v>17</v>
      </c>
      <c r="L9" s="31" t="s">
        <v>278</v>
      </c>
      <c r="M9" s="115" t="s">
        <v>72</v>
      </c>
      <c r="N9" s="204" t="s">
        <v>279</v>
      </c>
    </row>
    <row r="10" spans="1:14" ht="26.1" customHeight="1" x14ac:dyDescent="0.2">
      <c r="B10" s="296" t="s">
        <v>281</v>
      </c>
      <c r="C10" s="269"/>
      <c r="D10" s="269"/>
      <c r="E10" s="269"/>
      <c r="F10" s="269"/>
      <c r="G10" s="269"/>
      <c r="H10" s="269"/>
      <c r="I10" s="269"/>
      <c r="J10" s="269"/>
      <c r="K10" s="269"/>
      <c r="L10" s="269"/>
      <c r="M10" s="269"/>
      <c r="N10" s="270"/>
    </row>
    <row r="11" spans="1:14" ht="223.15" customHeight="1" x14ac:dyDescent="0.2">
      <c r="B11" s="114" t="s">
        <v>281</v>
      </c>
      <c r="C11" s="61" t="s">
        <v>282</v>
      </c>
      <c r="D11" s="205">
        <v>45566</v>
      </c>
      <c r="E11" s="29" t="s">
        <v>11</v>
      </c>
      <c r="F11" s="29" t="s">
        <v>31</v>
      </c>
      <c r="G11" s="29" t="s">
        <v>22</v>
      </c>
      <c r="H11" s="29" t="s">
        <v>247</v>
      </c>
      <c r="I11" s="77" t="s">
        <v>61</v>
      </c>
      <c r="J11" s="48" t="s">
        <v>508</v>
      </c>
      <c r="K11" s="48" t="s">
        <v>17</v>
      </c>
      <c r="L11" s="48" t="s">
        <v>491</v>
      </c>
      <c r="M11" s="48" t="s">
        <v>72</v>
      </c>
      <c r="N11" s="206" t="s">
        <v>283</v>
      </c>
    </row>
    <row r="12" spans="1:14" ht="409.5" x14ac:dyDescent="0.2">
      <c r="B12" s="114" t="s">
        <v>281</v>
      </c>
      <c r="C12" s="61" t="s">
        <v>339</v>
      </c>
      <c r="D12" s="205" t="s">
        <v>60</v>
      </c>
      <c r="E12" s="29" t="s">
        <v>28</v>
      </c>
      <c r="F12" s="29" t="s">
        <v>31</v>
      </c>
      <c r="G12" s="29" t="s">
        <v>259</v>
      </c>
      <c r="H12" s="29" t="s">
        <v>247</v>
      </c>
      <c r="I12" s="77" t="s">
        <v>61</v>
      </c>
      <c r="J12" s="48" t="s">
        <v>493</v>
      </c>
      <c r="K12" s="48" t="s">
        <v>17</v>
      </c>
      <c r="L12" s="48" t="s">
        <v>494</v>
      </c>
      <c r="M12" s="48" t="s">
        <v>341</v>
      </c>
      <c r="N12" s="206" t="s">
        <v>340</v>
      </c>
    </row>
    <row r="13" spans="1:14" ht="24.75" customHeight="1" x14ac:dyDescent="0.2">
      <c r="B13" s="296" t="s">
        <v>192</v>
      </c>
      <c r="C13" s="269"/>
      <c r="D13" s="269"/>
      <c r="E13" s="269"/>
      <c r="F13" s="269"/>
      <c r="G13" s="269"/>
      <c r="H13" s="269"/>
      <c r="I13" s="269"/>
      <c r="J13" s="269"/>
      <c r="K13" s="269"/>
      <c r="L13" s="269"/>
      <c r="M13" s="269"/>
      <c r="N13" s="270"/>
    </row>
    <row r="14" spans="1:14" ht="228" x14ac:dyDescent="0.2">
      <c r="B14" s="97" t="s">
        <v>192</v>
      </c>
      <c r="C14" s="29" t="s">
        <v>193</v>
      </c>
      <c r="D14" s="45">
        <v>45231</v>
      </c>
      <c r="E14" s="35" t="s">
        <v>59</v>
      </c>
      <c r="F14" s="45" t="s">
        <v>31</v>
      </c>
      <c r="G14" s="35" t="s">
        <v>22</v>
      </c>
      <c r="H14" s="35" t="s">
        <v>194</v>
      </c>
      <c r="I14" s="35" t="s">
        <v>156</v>
      </c>
      <c r="J14" s="36" t="s">
        <v>509</v>
      </c>
      <c r="K14" s="36" t="s">
        <v>195</v>
      </c>
      <c r="L14" s="31" t="s">
        <v>510</v>
      </c>
      <c r="M14" s="36" t="s">
        <v>179</v>
      </c>
      <c r="N14" s="207" t="s">
        <v>196</v>
      </c>
    </row>
    <row r="15" spans="1:14" ht="24.75" customHeight="1" x14ac:dyDescent="0.2">
      <c r="B15" s="296" t="s">
        <v>325</v>
      </c>
      <c r="C15" s="269"/>
      <c r="D15" s="269"/>
      <c r="E15" s="269"/>
      <c r="F15" s="269"/>
      <c r="G15" s="269"/>
      <c r="H15" s="269"/>
      <c r="I15" s="269"/>
      <c r="J15" s="269"/>
      <c r="K15" s="269"/>
      <c r="L15" s="269"/>
      <c r="M15" s="269"/>
      <c r="N15" s="270"/>
    </row>
    <row r="16" spans="1:14" ht="234" customHeight="1" x14ac:dyDescent="0.2">
      <c r="B16" s="194" t="s">
        <v>325</v>
      </c>
      <c r="C16" s="56" t="s">
        <v>193</v>
      </c>
      <c r="D16" s="57">
        <v>45231</v>
      </c>
      <c r="E16" s="58" t="s">
        <v>59</v>
      </c>
      <c r="F16" s="57" t="s">
        <v>31</v>
      </c>
      <c r="G16" s="58" t="s">
        <v>22</v>
      </c>
      <c r="H16" s="58" t="s">
        <v>194</v>
      </c>
      <c r="I16" s="58" t="s">
        <v>156</v>
      </c>
      <c r="J16" s="223" t="s">
        <v>527</v>
      </c>
      <c r="K16" s="240" t="s">
        <v>326</v>
      </c>
      <c r="L16" s="223" t="s">
        <v>528</v>
      </c>
      <c r="M16" s="49" t="s">
        <v>72</v>
      </c>
      <c r="N16" s="190" t="s">
        <v>327</v>
      </c>
    </row>
    <row r="17" spans="2:14" x14ac:dyDescent="0.2">
      <c r="B17" s="211"/>
      <c r="C17" s="212"/>
      <c r="D17" s="211"/>
      <c r="E17" s="211"/>
      <c r="F17" s="211"/>
      <c r="G17" s="211"/>
      <c r="H17" s="211"/>
      <c r="I17" s="211"/>
      <c r="J17" s="213"/>
      <c r="K17" s="213"/>
      <c r="L17" s="213"/>
      <c r="M17" s="213"/>
      <c r="N17" s="211"/>
    </row>
    <row r="18" spans="2:14" x14ac:dyDescent="0.2">
      <c r="B18" s="208"/>
      <c r="C18" s="198"/>
      <c r="D18" s="208"/>
      <c r="E18" s="208"/>
      <c r="F18" s="208"/>
      <c r="G18" s="208"/>
      <c r="H18" s="208"/>
      <c r="I18" s="208"/>
      <c r="J18" s="209"/>
      <c r="K18" s="209"/>
      <c r="L18" s="209"/>
      <c r="M18" s="209"/>
      <c r="N18" s="208"/>
    </row>
    <row r="19" spans="2:14" x14ac:dyDescent="0.2">
      <c r="C19" s="198"/>
      <c r="D19" s="198"/>
      <c r="E19" s="198"/>
      <c r="F19" s="198"/>
      <c r="G19" s="198"/>
      <c r="H19" s="198"/>
      <c r="I19" s="198"/>
      <c r="M19" s="199"/>
      <c r="N19" s="198"/>
    </row>
    <row r="20" spans="2:14" x14ac:dyDescent="0.2">
      <c r="C20" s="198"/>
      <c r="D20" s="198"/>
      <c r="E20" s="198"/>
      <c r="F20" s="198"/>
      <c r="G20" s="198"/>
      <c r="H20" s="198"/>
      <c r="I20" s="198"/>
      <c r="M20" s="199"/>
      <c r="N20" s="198"/>
    </row>
    <row r="21" spans="2:14" x14ac:dyDescent="0.2">
      <c r="C21" s="198"/>
      <c r="D21" s="198"/>
      <c r="E21" s="198"/>
      <c r="F21" s="198"/>
      <c r="G21" s="198"/>
      <c r="H21" s="198"/>
      <c r="I21" s="198"/>
      <c r="M21" s="199"/>
      <c r="N21" s="198"/>
    </row>
    <row r="22" spans="2:14" x14ac:dyDescent="0.2">
      <c r="C22" s="198"/>
      <c r="D22" s="198"/>
      <c r="E22" s="198"/>
      <c r="F22" s="198"/>
      <c r="G22" s="198"/>
      <c r="H22" s="198"/>
      <c r="I22" s="198"/>
      <c r="M22" s="199"/>
      <c r="N22" s="198"/>
    </row>
    <row r="23" spans="2:14" x14ac:dyDescent="0.2">
      <c r="C23" s="198"/>
      <c r="D23" s="198"/>
      <c r="E23" s="198"/>
      <c r="F23" s="198"/>
      <c r="G23" s="198"/>
      <c r="H23" s="198"/>
      <c r="I23" s="198"/>
      <c r="M23" s="199"/>
      <c r="N23" s="198"/>
    </row>
    <row r="24" spans="2:14" x14ac:dyDescent="0.2">
      <c r="C24" s="198"/>
      <c r="D24" s="198"/>
      <c r="E24" s="198"/>
      <c r="F24" s="198"/>
      <c r="G24" s="198"/>
      <c r="H24" s="198"/>
      <c r="I24" s="198"/>
      <c r="M24" s="199"/>
      <c r="N24" s="198"/>
    </row>
    <row r="25" spans="2:14" x14ac:dyDescent="0.2">
      <c r="C25" s="198"/>
      <c r="D25" s="198"/>
      <c r="E25" s="198"/>
      <c r="F25" s="198"/>
      <c r="G25" s="198"/>
      <c r="H25" s="198"/>
      <c r="I25" s="198"/>
      <c r="M25" s="199"/>
      <c r="N25" s="198"/>
    </row>
    <row r="26" spans="2:14" x14ac:dyDescent="0.2">
      <c r="C26" s="198"/>
      <c r="D26" s="198"/>
      <c r="E26" s="198"/>
      <c r="F26" s="198"/>
      <c r="G26" s="198"/>
      <c r="H26" s="198"/>
      <c r="I26" s="198"/>
      <c r="M26" s="199"/>
      <c r="N26" s="198"/>
    </row>
    <row r="27" spans="2:14" x14ac:dyDescent="0.2">
      <c r="C27" s="198"/>
      <c r="D27" s="198"/>
      <c r="E27" s="198"/>
      <c r="F27" s="198"/>
      <c r="G27" s="198"/>
      <c r="H27" s="198"/>
      <c r="I27" s="198"/>
      <c r="M27" s="199"/>
      <c r="N27" s="198"/>
    </row>
    <row r="28" spans="2:14" x14ac:dyDescent="0.2">
      <c r="C28" s="198"/>
      <c r="D28" s="198"/>
      <c r="E28" s="198"/>
      <c r="F28" s="198"/>
      <c r="G28" s="198"/>
      <c r="H28" s="198"/>
      <c r="I28" s="198"/>
      <c r="M28" s="199"/>
      <c r="N28" s="198"/>
    </row>
    <row r="29" spans="2:14" x14ac:dyDescent="0.2">
      <c r="C29" s="198"/>
      <c r="D29" s="198"/>
      <c r="E29" s="198"/>
      <c r="F29" s="198"/>
      <c r="G29" s="198"/>
      <c r="H29" s="198"/>
      <c r="I29" s="198"/>
      <c r="M29" s="199"/>
      <c r="N29" s="198"/>
    </row>
    <row r="30" spans="2:14" x14ac:dyDescent="0.2">
      <c r="C30" s="198"/>
      <c r="D30" s="198"/>
      <c r="E30" s="198"/>
      <c r="F30" s="198"/>
      <c r="G30" s="198"/>
      <c r="H30" s="198"/>
      <c r="I30" s="198"/>
      <c r="M30" s="199"/>
      <c r="N30" s="198"/>
    </row>
    <row r="31" spans="2:14" x14ac:dyDescent="0.2">
      <c r="C31" s="198"/>
      <c r="D31" s="198"/>
      <c r="E31" s="198"/>
      <c r="F31" s="198"/>
      <c r="G31" s="198"/>
      <c r="H31" s="198"/>
      <c r="I31" s="198"/>
      <c r="M31" s="199"/>
      <c r="N31" s="198"/>
    </row>
    <row r="32" spans="2:14" x14ac:dyDescent="0.2">
      <c r="C32" s="198"/>
      <c r="D32" s="198"/>
      <c r="E32" s="198"/>
      <c r="F32" s="198"/>
      <c r="G32" s="198"/>
      <c r="H32" s="198"/>
      <c r="I32" s="198"/>
      <c r="M32" s="199"/>
      <c r="N32" s="198"/>
    </row>
    <row r="33" spans="3:14" x14ac:dyDescent="0.2">
      <c r="C33" s="198"/>
      <c r="D33" s="198"/>
      <c r="E33" s="198"/>
      <c r="F33" s="198"/>
      <c r="G33" s="198"/>
      <c r="H33" s="198"/>
      <c r="I33" s="198"/>
      <c r="M33" s="199"/>
      <c r="N33" s="198"/>
    </row>
    <row r="34" spans="3:14" x14ac:dyDescent="0.2">
      <c r="C34" s="198"/>
      <c r="D34" s="198"/>
      <c r="E34" s="198"/>
      <c r="F34" s="198"/>
      <c r="G34" s="198"/>
      <c r="H34" s="198"/>
      <c r="I34" s="198"/>
      <c r="M34" s="199"/>
      <c r="N34" s="198"/>
    </row>
    <row r="35" spans="3:14" x14ac:dyDescent="0.2">
      <c r="C35" s="198"/>
      <c r="D35" s="198"/>
      <c r="E35" s="198"/>
      <c r="F35" s="198"/>
      <c r="G35" s="198"/>
      <c r="H35" s="198"/>
      <c r="I35" s="198"/>
      <c r="M35" s="199"/>
      <c r="N35" s="198"/>
    </row>
    <row r="36" spans="3:14" x14ac:dyDescent="0.2">
      <c r="C36" s="198"/>
      <c r="D36" s="198"/>
      <c r="E36" s="198"/>
      <c r="F36" s="198"/>
      <c r="G36" s="198"/>
      <c r="H36" s="198"/>
      <c r="I36" s="198"/>
      <c r="M36" s="199"/>
      <c r="N36" s="198"/>
    </row>
    <row r="37" spans="3:14" x14ac:dyDescent="0.2">
      <c r="C37" s="198"/>
      <c r="D37" s="198"/>
      <c r="E37" s="198"/>
      <c r="F37" s="198"/>
      <c r="G37" s="198"/>
      <c r="H37" s="198"/>
      <c r="I37" s="198"/>
      <c r="M37" s="199"/>
      <c r="N37" s="198"/>
    </row>
    <row r="38" spans="3:14" x14ac:dyDescent="0.2">
      <c r="C38" s="198"/>
      <c r="D38" s="198"/>
      <c r="E38" s="198"/>
      <c r="F38" s="198"/>
      <c r="G38" s="198"/>
      <c r="H38" s="198"/>
      <c r="I38" s="198"/>
      <c r="M38" s="199"/>
      <c r="N38" s="198"/>
    </row>
    <row r="39" spans="3:14" x14ac:dyDescent="0.2">
      <c r="C39" s="198"/>
      <c r="D39" s="198"/>
      <c r="E39" s="198"/>
      <c r="F39" s="198"/>
      <c r="G39" s="198"/>
      <c r="H39" s="198"/>
      <c r="I39" s="198"/>
      <c r="M39" s="199"/>
      <c r="N39" s="198"/>
    </row>
    <row r="40" spans="3:14" x14ac:dyDescent="0.2">
      <c r="C40" s="198"/>
      <c r="D40" s="198"/>
      <c r="E40" s="198"/>
      <c r="F40" s="198"/>
      <c r="G40" s="198"/>
      <c r="H40" s="198"/>
      <c r="I40" s="198"/>
      <c r="M40" s="199"/>
      <c r="N40" s="198"/>
    </row>
    <row r="41" spans="3:14" x14ac:dyDescent="0.2">
      <c r="C41" s="198"/>
      <c r="D41" s="198"/>
      <c r="E41" s="198"/>
      <c r="F41" s="198"/>
      <c r="G41" s="198"/>
      <c r="H41" s="198"/>
      <c r="I41" s="198"/>
      <c r="M41" s="199"/>
      <c r="N41" s="198"/>
    </row>
    <row r="42" spans="3:14" x14ac:dyDescent="0.2">
      <c r="C42" s="198"/>
      <c r="D42" s="198"/>
      <c r="E42" s="198"/>
      <c r="F42" s="198"/>
      <c r="G42" s="198"/>
      <c r="H42" s="198"/>
      <c r="I42" s="198"/>
      <c r="M42" s="199"/>
      <c r="N42" s="198"/>
    </row>
    <row r="43" spans="3:14" x14ac:dyDescent="0.2">
      <c r="C43" s="198"/>
      <c r="D43" s="198"/>
      <c r="E43" s="198"/>
      <c r="F43" s="198"/>
      <c r="G43" s="198"/>
      <c r="H43" s="198"/>
      <c r="I43" s="198"/>
      <c r="M43" s="199"/>
      <c r="N43" s="198"/>
    </row>
    <row r="44" spans="3:14" x14ac:dyDescent="0.2">
      <c r="C44" s="198"/>
      <c r="D44" s="198"/>
      <c r="E44" s="198"/>
      <c r="F44" s="198"/>
      <c r="G44" s="198"/>
      <c r="H44" s="198"/>
      <c r="I44" s="198"/>
      <c r="M44" s="199"/>
      <c r="N44" s="198"/>
    </row>
    <row r="45" spans="3:14" x14ac:dyDescent="0.2">
      <c r="C45" s="198"/>
      <c r="D45" s="198"/>
      <c r="E45" s="198"/>
      <c r="F45" s="198"/>
      <c r="G45" s="198"/>
      <c r="H45" s="198"/>
      <c r="I45" s="198"/>
      <c r="M45" s="199"/>
      <c r="N45" s="198"/>
    </row>
    <row r="46" spans="3:14" x14ac:dyDescent="0.2">
      <c r="C46" s="198"/>
      <c r="D46" s="198"/>
      <c r="E46" s="198"/>
      <c r="F46" s="198"/>
      <c r="G46" s="198"/>
      <c r="H46" s="198"/>
      <c r="I46" s="198"/>
      <c r="M46" s="199"/>
      <c r="N46" s="198"/>
    </row>
    <row r="47" spans="3:14" x14ac:dyDescent="0.2">
      <c r="C47" s="198"/>
      <c r="D47" s="198"/>
      <c r="E47" s="198"/>
      <c r="F47" s="198"/>
      <c r="G47" s="198"/>
      <c r="H47" s="198"/>
      <c r="I47" s="198"/>
      <c r="M47" s="199"/>
      <c r="N47" s="198"/>
    </row>
    <row r="48" spans="3:14" x14ac:dyDescent="0.2">
      <c r="C48" s="198"/>
      <c r="D48" s="198"/>
      <c r="E48" s="198"/>
      <c r="F48" s="198"/>
      <c r="G48" s="198"/>
      <c r="H48" s="198"/>
      <c r="I48" s="198"/>
      <c r="M48" s="199"/>
      <c r="N48" s="198"/>
    </row>
    <row r="49" spans="3:14" x14ac:dyDescent="0.2">
      <c r="C49" s="198"/>
      <c r="D49" s="198"/>
      <c r="E49" s="198"/>
      <c r="F49" s="198"/>
      <c r="G49" s="198"/>
      <c r="H49" s="198"/>
      <c r="I49" s="198"/>
      <c r="M49" s="199"/>
      <c r="N49" s="198"/>
    </row>
    <row r="50" spans="3:14" x14ac:dyDescent="0.2">
      <c r="C50" s="198"/>
      <c r="D50" s="198"/>
      <c r="E50" s="198"/>
      <c r="F50" s="198"/>
      <c r="G50" s="198"/>
      <c r="H50" s="198"/>
      <c r="I50" s="198"/>
      <c r="M50" s="199"/>
      <c r="N50" s="198"/>
    </row>
    <row r="51" spans="3:14" x14ac:dyDescent="0.2">
      <c r="C51" s="198"/>
      <c r="D51" s="198"/>
      <c r="E51" s="198"/>
      <c r="F51" s="198"/>
      <c r="G51" s="198"/>
      <c r="H51" s="198"/>
      <c r="I51" s="198"/>
      <c r="M51" s="199"/>
      <c r="N51" s="198"/>
    </row>
    <row r="52" spans="3:14" x14ac:dyDescent="0.2">
      <c r="C52" s="198"/>
      <c r="D52" s="198"/>
      <c r="E52" s="198"/>
      <c r="F52" s="198"/>
      <c r="G52" s="198"/>
      <c r="H52" s="198"/>
      <c r="I52" s="198"/>
      <c r="M52" s="199"/>
      <c r="N52" s="198"/>
    </row>
    <row r="53" spans="3:14" x14ac:dyDescent="0.2">
      <c r="C53" s="198"/>
      <c r="D53" s="198"/>
      <c r="E53" s="198"/>
      <c r="F53" s="198"/>
      <c r="G53" s="198"/>
      <c r="H53" s="198"/>
      <c r="I53" s="198"/>
      <c r="M53" s="199"/>
      <c r="N53" s="198"/>
    </row>
    <row r="54" spans="3:14" x14ac:dyDescent="0.2">
      <c r="C54" s="198"/>
      <c r="D54" s="198"/>
      <c r="E54" s="198"/>
      <c r="F54" s="198"/>
      <c r="G54" s="198"/>
      <c r="H54" s="198"/>
      <c r="I54" s="198"/>
      <c r="M54" s="199"/>
      <c r="N54" s="198"/>
    </row>
    <row r="55" spans="3:14" x14ac:dyDescent="0.2">
      <c r="C55" s="198"/>
      <c r="D55" s="198"/>
      <c r="E55" s="198"/>
      <c r="F55" s="198"/>
      <c r="G55" s="198"/>
      <c r="H55" s="198"/>
      <c r="I55" s="198"/>
      <c r="M55" s="199"/>
      <c r="N55" s="198"/>
    </row>
    <row r="56" spans="3:14" x14ac:dyDescent="0.2">
      <c r="C56" s="198"/>
      <c r="D56" s="198"/>
      <c r="E56" s="198"/>
      <c r="F56" s="198"/>
      <c r="G56" s="198"/>
      <c r="H56" s="198"/>
      <c r="I56" s="198"/>
      <c r="M56" s="199"/>
      <c r="N56" s="198"/>
    </row>
    <row r="57" spans="3:14" x14ac:dyDescent="0.2">
      <c r="C57" s="198"/>
      <c r="D57" s="198"/>
      <c r="E57" s="198"/>
      <c r="F57" s="198"/>
      <c r="G57" s="198"/>
      <c r="H57" s="198"/>
      <c r="I57" s="198"/>
      <c r="M57" s="199"/>
      <c r="N57" s="198"/>
    </row>
    <row r="58" spans="3:14" x14ac:dyDescent="0.2">
      <c r="C58" s="198"/>
      <c r="D58" s="198"/>
      <c r="E58" s="198"/>
      <c r="F58" s="198"/>
      <c r="G58" s="198"/>
      <c r="H58" s="198"/>
      <c r="I58" s="198"/>
      <c r="M58" s="199"/>
      <c r="N58" s="198"/>
    </row>
    <row r="59" spans="3:14" x14ac:dyDescent="0.2">
      <c r="C59" s="198"/>
      <c r="D59" s="198"/>
      <c r="E59" s="198"/>
      <c r="F59" s="198"/>
      <c r="G59" s="198"/>
      <c r="H59" s="198"/>
      <c r="I59" s="198"/>
      <c r="M59" s="199"/>
      <c r="N59" s="198"/>
    </row>
    <row r="60" spans="3:14" x14ac:dyDescent="0.2">
      <c r="C60" s="198"/>
      <c r="D60" s="198"/>
      <c r="E60" s="198"/>
      <c r="F60" s="198"/>
      <c r="G60" s="198"/>
      <c r="H60" s="198"/>
      <c r="I60" s="198"/>
      <c r="M60" s="199"/>
      <c r="N60" s="198"/>
    </row>
    <row r="61" spans="3:14" x14ac:dyDescent="0.2">
      <c r="C61" s="198"/>
      <c r="D61" s="198"/>
      <c r="E61" s="198"/>
      <c r="F61" s="198"/>
      <c r="G61" s="198"/>
      <c r="H61" s="198"/>
      <c r="I61" s="198"/>
      <c r="M61" s="199"/>
      <c r="N61" s="198"/>
    </row>
    <row r="62" spans="3:14" x14ac:dyDescent="0.2">
      <c r="C62" s="198"/>
      <c r="D62" s="198"/>
      <c r="E62" s="198"/>
      <c r="F62" s="198"/>
      <c r="G62" s="198"/>
      <c r="H62" s="198"/>
      <c r="I62" s="198"/>
      <c r="M62" s="199"/>
      <c r="N62" s="198"/>
    </row>
    <row r="63" spans="3:14" x14ac:dyDescent="0.2">
      <c r="C63" s="198"/>
      <c r="D63" s="198"/>
      <c r="E63" s="198"/>
      <c r="F63" s="198"/>
      <c r="G63" s="198"/>
      <c r="H63" s="198"/>
      <c r="I63" s="198"/>
      <c r="M63" s="199"/>
      <c r="N63" s="198"/>
    </row>
    <row r="64" spans="3:14" x14ac:dyDescent="0.2">
      <c r="C64" s="198"/>
      <c r="D64" s="198"/>
      <c r="E64" s="198"/>
      <c r="F64" s="198"/>
      <c r="G64" s="198"/>
      <c r="H64" s="198"/>
      <c r="I64" s="198"/>
      <c r="M64" s="199"/>
      <c r="N64" s="198"/>
    </row>
    <row r="65" spans="3:14" x14ac:dyDescent="0.2">
      <c r="C65" s="198"/>
      <c r="D65" s="198"/>
      <c r="E65" s="198"/>
      <c r="F65" s="198"/>
      <c r="G65" s="198"/>
      <c r="H65" s="198"/>
      <c r="I65" s="198"/>
      <c r="M65" s="199"/>
      <c r="N65" s="198"/>
    </row>
    <row r="66" spans="3:14" x14ac:dyDescent="0.2">
      <c r="C66" s="198"/>
      <c r="D66" s="198"/>
      <c r="E66" s="198"/>
      <c r="F66" s="198"/>
      <c r="G66" s="198"/>
      <c r="H66" s="198"/>
      <c r="I66" s="198"/>
      <c r="M66" s="199"/>
      <c r="N66" s="198"/>
    </row>
    <row r="67" spans="3:14" x14ac:dyDescent="0.2">
      <c r="C67" s="198"/>
      <c r="D67" s="198"/>
      <c r="E67" s="198"/>
      <c r="F67" s="198"/>
      <c r="G67" s="198"/>
      <c r="H67" s="198"/>
      <c r="I67" s="198"/>
      <c r="M67" s="199"/>
      <c r="N67" s="198"/>
    </row>
    <row r="68" spans="3:14" x14ac:dyDescent="0.2">
      <c r="C68" s="198"/>
      <c r="D68" s="198"/>
      <c r="E68" s="198"/>
      <c r="F68" s="198"/>
      <c r="G68" s="198"/>
      <c r="H68" s="198"/>
      <c r="I68" s="198"/>
      <c r="M68" s="199"/>
      <c r="N68" s="198"/>
    </row>
    <row r="69" spans="3:14" x14ac:dyDescent="0.2">
      <c r="C69" s="198"/>
      <c r="D69" s="198"/>
      <c r="E69" s="198"/>
      <c r="F69" s="198"/>
      <c r="G69" s="198"/>
      <c r="H69" s="198"/>
      <c r="I69" s="198"/>
      <c r="M69" s="199"/>
      <c r="N69" s="198"/>
    </row>
    <row r="70" spans="3:14" x14ac:dyDescent="0.2">
      <c r="C70" s="198"/>
      <c r="D70" s="198"/>
      <c r="E70" s="198"/>
      <c r="F70" s="198"/>
      <c r="G70" s="198"/>
      <c r="H70" s="198"/>
      <c r="I70" s="198"/>
      <c r="M70" s="199"/>
      <c r="N70" s="198"/>
    </row>
    <row r="71" spans="3:14" x14ac:dyDescent="0.2">
      <c r="C71" s="198"/>
      <c r="D71" s="198"/>
      <c r="E71" s="198"/>
      <c r="F71" s="198"/>
      <c r="G71" s="198"/>
      <c r="H71" s="198"/>
      <c r="I71" s="198"/>
      <c r="M71" s="199"/>
      <c r="N71" s="198"/>
    </row>
    <row r="72" spans="3:14" x14ac:dyDescent="0.2">
      <c r="C72" s="198"/>
      <c r="D72" s="198"/>
      <c r="E72" s="198"/>
      <c r="F72" s="198"/>
      <c r="G72" s="198"/>
      <c r="H72" s="198"/>
      <c r="I72" s="198"/>
      <c r="M72" s="199"/>
      <c r="N72" s="198"/>
    </row>
    <row r="73" spans="3:14" x14ac:dyDescent="0.2">
      <c r="C73" s="198"/>
      <c r="D73" s="198"/>
      <c r="E73" s="198"/>
      <c r="F73" s="198"/>
      <c r="G73" s="198"/>
      <c r="H73" s="198"/>
      <c r="I73" s="198"/>
      <c r="M73" s="199"/>
      <c r="N73" s="198"/>
    </row>
    <row r="74" spans="3:14" x14ac:dyDescent="0.2">
      <c r="C74" s="198"/>
      <c r="D74" s="198"/>
      <c r="E74" s="198"/>
      <c r="F74" s="198"/>
      <c r="G74" s="198"/>
      <c r="H74" s="198"/>
      <c r="I74" s="198"/>
      <c r="M74" s="199"/>
      <c r="N74" s="198"/>
    </row>
    <row r="75" spans="3:14" x14ac:dyDescent="0.2">
      <c r="C75" s="198"/>
      <c r="D75" s="198"/>
      <c r="E75" s="198"/>
      <c r="F75" s="198"/>
      <c r="G75" s="198"/>
      <c r="H75" s="198"/>
      <c r="I75" s="198"/>
      <c r="M75" s="199"/>
      <c r="N75" s="198"/>
    </row>
    <row r="76" spans="3:14" x14ac:dyDescent="0.2">
      <c r="C76" s="198"/>
      <c r="D76" s="198"/>
      <c r="E76" s="198"/>
      <c r="F76" s="198"/>
      <c r="G76" s="198"/>
      <c r="H76" s="198"/>
      <c r="I76" s="198"/>
      <c r="M76" s="199"/>
      <c r="N76" s="198"/>
    </row>
    <row r="77" spans="3:14" x14ac:dyDescent="0.2">
      <c r="C77" s="198"/>
      <c r="D77" s="198"/>
      <c r="E77" s="198"/>
      <c r="F77" s="198"/>
      <c r="G77" s="198"/>
      <c r="H77" s="198"/>
      <c r="I77" s="198"/>
      <c r="M77" s="199"/>
      <c r="N77" s="198"/>
    </row>
    <row r="78" spans="3:14" x14ac:dyDescent="0.2">
      <c r="C78" s="198"/>
      <c r="D78" s="198"/>
      <c r="E78" s="198"/>
      <c r="F78" s="198"/>
      <c r="G78" s="198"/>
      <c r="H78" s="198"/>
      <c r="I78" s="198"/>
      <c r="M78" s="199"/>
      <c r="N78" s="198"/>
    </row>
    <row r="79" spans="3:14" x14ac:dyDescent="0.2">
      <c r="C79" s="198"/>
      <c r="D79" s="198"/>
      <c r="E79" s="198"/>
      <c r="F79" s="198"/>
      <c r="G79" s="198"/>
      <c r="H79" s="198"/>
      <c r="I79" s="198"/>
      <c r="M79" s="199"/>
      <c r="N79" s="198"/>
    </row>
    <row r="80" spans="3:14" x14ac:dyDescent="0.2">
      <c r="C80" s="198"/>
      <c r="D80" s="198"/>
      <c r="E80" s="198"/>
      <c r="F80" s="198"/>
      <c r="G80" s="198"/>
      <c r="H80" s="198"/>
      <c r="I80" s="198"/>
      <c r="M80" s="199"/>
      <c r="N80" s="198"/>
    </row>
    <row r="81" spans="3:14" x14ac:dyDescent="0.2">
      <c r="C81" s="198"/>
      <c r="D81" s="198"/>
      <c r="E81" s="198"/>
      <c r="F81" s="198"/>
      <c r="G81" s="198"/>
      <c r="H81" s="198"/>
      <c r="I81" s="198"/>
      <c r="M81" s="199"/>
      <c r="N81" s="198"/>
    </row>
    <row r="82" spans="3:14" x14ac:dyDescent="0.2">
      <c r="C82" s="198"/>
      <c r="D82" s="198"/>
      <c r="E82" s="198"/>
      <c r="F82" s="198"/>
      <c r="G82" s="198"/>
      <c r="H82" s="198"/>
      <c r="I82" s="198"/>
      <c r="M82" s="199"/>
      <c r="N82" s="198"/>
    </row>
    <row r="83" spans="3:14" x14ac:dyDescent="0.2">
      <c r="C83" s="198"/>
      <c r="D83" s="198"/>
      <c r="E83" s="198"/>
      <c r="F83" s="198"/>
      <c r="G83" s="198"/>
      <c r="H83" s="198"/>
      <c r="I83" s="198"/>
      <c r="M83" s="199"/>
      <c r="N83" s="198"/>
    </row>
    <row r="84" spans="3:14" x14ac:dyDescent="0.2">
      <c r="C84" s="198"/>
      <c r="D84" s="198"/>
      <c r="E84" s="198"/>
      <c r="F84" s="198"/>
      <c r="G84" s="198"/>
      <c r="H84" s="198"/>
      <c r="I84" s="198"/>
      <c r="M84" s="199"/>
      <c r="N84" s="198"/>
    </row>
    <row r="85" spans="3:14" x14ac:dyDescent="0.2">
      <c r="C85" s="198"/>
      <c r="D85" s="198"/>
      <c r="E85" s="198"/>
      <c r="F85" s="198"/>
      <c r="G85" s="198"/>
      <c r="H85" s="198"/>
      <c r="I85" s="198"/>
      <c r="M85" s="199"/>
      <c r="N85" s="198"/>
    </row>
    <row r="86" spans="3:14" x14ac:dyDescent="0.2">
      <c r="C86" s="198"/>
      <c r="D86" s="198"/>
      <c r="E86" s="198"/>
      <c r="F86" s="198"/>
      <c r="G86" s="198"/>
      <c r="H86" s="198"/>
      <c r="I86" s="198"/>
      <c r="M86" s="199"/>
      <c r="N86" s="198"/>
    </row>
    <row r="87" spans="3:14" x14ac:dyDescent="0.2">
      <c r="C87" s="198"/>
      <c r="D87" s="198"/>
      <c r="E87" s="198"/>
      <c r="F87" s="198"/>
      <c r="G87" s="198"/>
      <c r="H87" s="198"/>
      <c r="I87" s="198"/>
      <c r="M87" s="199"/>
      <c r="N87" s="198"/>
    </row>
    <row r="88" spans="3:14" x14ac:dyDescent="0.2">
      <c r="C88" s="198"/>
      <c r="D88" s="198"/>
      <c r="E88" s="198"/>
      <c r="F88" s="198"/>
      <c r="G88" s="198"/>
      <c r="H88" s="198"/>
      <c r="I88" s="198"/>
      <c r="M88" s="199"/>
      <c r="N88" s="198"/>
    </row>
    <row r="89" spans="3:14" x14ac:dyDescent="0.2">
      <c r="C89" s="198"/>
      <c r="D89" s="198"/>
      <c r="E89" s="198"/>
      <c r="F89" s="198"/>
      <c r="G89" s="198"/>
      <c r="H89" s="198"/>
      <c r="I89" s="198"/>
      <c r="M89" s="199"/>
      <c r="N89" s="198"/>
    </row>
    <row r="90" spans="3:14" x14ac:dyDescent="0.2">
      <c r="C90" s="198"/>
      <c r="D90" s="198"/>
      <c r="E90" s="198"/>
      <c r="F90" s="198"/>
      <c r="G90" s="198"/>
      <c r="H90" s="198"/>
      <c r="I90" s="198"/>
      <c r="M90" s="199"/>
      <c r="N90" s="198"/>
    </row>
    <row r="91" spans="3:14" x14ac:dyDescent="0.2">
      <c r="C91" s="198"/>
      <c r="D91" s="198"/>
      <c r="E91" s="198"/>
      <c r="F91" s="198"/>
      <c r="G91" s="198"/>
      <c r="H91" s="198"/>
      <c r="I91" s="198"/>
      <c r="M91" s="199"/>
      <c r="N91" s="198"/>
    </row>
    <row r="92" spans="3:14" x14ac:dyDescent="0.2">
      <c r="C92" s="198"/>
      <c r="D92" s="198"/>
      <c r="E92" s="198"/>
      <c r="F92" s="198"/>
      <c r="G92" s="198"/>
      <c r="H92" s="198"/>
      <c r="I92" s="198"/>
      <c r="M92" s="199"/>
      <c r="N92" s="198"/>
    </row>
    <row r="93" spans="3:14" x14ac:dyDescent="0.2">
      <c r="C93" s="198"/>
      <c r="D93" s="198"/>
      <c r="E93" s="198"/>
      <c r="F93" s="198"/>
      <c r="G93" s="198"/>
      <c r="H93" s="198"/>
      <c r="I93" s="198"/>
      <c r="M93" s="199"/>
      <c r="N93" s="198"/>
    </row>
    <row r="94" spans="3:14" x14ac:dyDescent="0.2">
      <c r="C94" s="198"/>
      <c r="D94" s="198"/>
      <c r="E94" s="198"/>
      <c r="F94" s="198"/>
      <c r="G94" s="198"/>
      <c r="H94" s="198"/>
      <c r="I94" s="198"/>
      <c r="M94" s="199"/>
      <c r="N94" s="198"/>
    </row>
    <row r="95" spans="3:14" x14ac:dyDescent="0.2">
      <c r="C95" s="198"/>
      <c r="D95" s="198"/>
      <c r="E95" s="198"/>
      <c r="F95" s="198"/>
      <c r="G95" s="198"/>
      <c r="H95" s="198"/>
      <c r="I95" s="198"/>
      <c r="M95" s="199"/>
      <c r="N95" s="198"/>
    </row>
    <row r="96" spans="3:14" x14ac:dyDescent="0.2">
      <c r="C96" s="198"/>
      <c r="D96" s="198"/>
      <c r="E96" s="198"/>
      <c r="F96" s="198"/>
      <c r="G96" s="198"/>
      <c r="H96" s="198"/>
      <c r="I96" s="198"/>
      <c r="M96" s="199"/>
      <c r="N96" s="198"/>
    </row>
    <row r="97" spans="3:14" x14ac:dyDescent="0.2">
      <c r="C97" s="198"/>
      <c r="D97" s="198"/>
      <c r="E97" s="198"/>
      <c r="F97" s="198"/>
      <c r="G97" s="198"/>
      <c r="H97" s="198"/>
      <c r="I97" s="198"/>
      <c r="M97" s="199"/>
      <c r="N97" s="198"/>
    </row>
    <row r="98" spans="3:14" x14ac:dyDescent="0.2">
      <c r="C98" s="198"/>
      <c r="D98" s="198"/>
      <c r="E98" s="198"/>
      <c r="F98" s="198"/>
      <c r="G98" s="198"/>
      <c r="H98" s="198"/>
      <c r="I98" s="198"/>
      <c r="M98" s="199"/>
      <c r="N98" s="198"/>
    </row>
    <row r="99" spans="3:14" x14ac:dyDescent="0.2">
      <c r="C99" s="198"/>
      <c r="D99" s="198"/>
      <c r="E99" s="198"/>
      <c r="F99" s="198"/>
      <c r="G99" s="198"/>
      <c r="H99" s="198"/>
      <c r="I99" s="198"/>
      <c r="M99" s="199"/>
      <c r="N99" s="198"/>
    </row>
    <row r="100" spans="3:14" x14ac:dyDescent="0.2">
      <c r="C100" s="198"/>
      <c r="D100" s="198"/>
      <c r="E100" s="198"/>
      <c r="F100" s="198"/>
      <c r="G100" s="198"/>
      <c r="H100" s="198"/>
      <c r="I100" s="198"/>
      <c r="M100" s="199"/>
      <c r="N100" s="198"/>
    </row>
    <row r="101" spans="3:14" x14ac:dyDescent="0.2">
      <c r="C101" s="198"/>
      <c r="D101" s="198"/>
      <c r="E101" s="198"/>
      <c r="F101" s="198"/>
      <c r="G101" s="198"/>
      <c r="H101" s="198"/>
      <c r="I101" s="198"/>
      <c r="M101" s="199"/>
      <c r="N101" s="198"/>
    </row>
    <row r="102" spans="3:14" x14ac:dyDescent="0.2">
      <c r="C102" s="198"/>
      <c r="D102" s="198"/>
      <c r="E102" s="198"/>
      <c r="F102" s="198"/>
      <c r="G102" s="198"/>
      <c r="H102" s="198"/>
      <c r="I102" s="198"/>
      <c r="M102" s="199"/>
      <c r="N102" s="198"/>
    </row>
    <row r="103" spans="3:14" x14ac:dyDescent="0.2">
      <c r="C103" s="198"/>
      <c r="D103" s="198"/>
      <c r="E103" s="198"/>
      <c r="F103" s="198"/>
      <c r="G103" s="198"/>
      <c r="H103" s="198"/>
      <c r="I103" s="198"/>
      <c r="M103" s="199"/>
      <c r="N103" s="198"/>
    </row>
    <row r="104" spans="3:14" x14ac:dyDescent="0.2">
      <c r="C104" s="198"/>
      <c r="D104" s="198"/>
      <c r="E104" s="198"/>
      <c r="F104" s="198"/>
      <c r="G104" s="198"/>
      <c r="H104" s="198"/>
      <c r="I104" s="198"/>
      <c r="M104" s="199"/>
      <c r="N104" s="198"/>
    </row>
    <row r="105" spans="3:14" x14ac:dyDescent="0.2">
      <c r="C105" s="198"/>
      <c r="D105" s="198"/>
      <c r="E105" s="198"/>
      <c r="F105" s="198"/>
      <c r="G105" s="198"/>
      <c r="H105" s="198"/>
      <c r="I105" s="198"/>
      <c r="M105" s="199"/>
      <c r="N105" s="198"/>
    </row>
    <row r="106" spans="3:14" x14ac:dyDescent="0.2">
      <c r="C106" s="198"/>
      <c r="D106" s="198"/>
      <c r="E106" s="198"/>
      <c r="F106" s="198"/>
      <c r="G106" s="198"/>
      <c r="H106" s="198"/>
      <c r="I106" s="198"/>
      <c r="M106" s="199"/>
      <c r="N106" s="198"/>
    </row>
    <row r="107" spans="3:14" x14ac:dyDescent="0.2">
      <c r="C107" s="198"/>
      <c r="D107" s="198"/>
      <c r="E107" s="198"/>
      <c r="F107" s="198"/>
      <c r="G107" s="198"/>
      <c r="H107" s="198"/>
      <c r="I107" s="198"/>
      <c r="M107" s="199"/>
      <c r="N107" s="198"/>
    </row>
    <row r="108" spans="3:14" x14ac:dyDescent="0.2">
      <c r="C108" s="198"/>
      <c r="D108" s="198"/>
      <c r="E108" s="198"/>
      <c r="F108" s="198"/>
      <c r="G108" s="198"/>
      <c r="H108" s="198"/>
      <c r="I108" s="198"/>
      <c r="M108" s="199"/>
      <c r="N108" s="198"/>
    </row>
    <row r="109" spans="3:14" x14ac:dyDescent="0.2">
      <c r="C109" s="198"/>
      <c r="D109" s="198"/>
      <c r="E109" s="198"/>
      <c r="F109" s="198"/>
      <c r="G109" s="198"/>
      <c r="H109" s="198"/>
      <c r="I109" s="198"/>
      <c r="M109" s="199"/>
      <c r="N109" s="198"/>
    </row>
    <row r="110" spans="3:14" x14ac:dyDescent="0.2">
      <c r="C110" s="198"/>
      <c r="D110" s="198"/>
      <c r="E110" s="198"/>
      <c r="F110" s="198"/>
      <c r="G110" s="198"/>
      <c r="H110" s="198"/>
      <c r="I110" s="198"/>
      <c r="M110" s="199"/>
      <c r="N110" s="198"/>
    </row>
    <row r="111" spans="3:14" x14ac:dyDescent="0.2">
      <c r="C111" s="198"/>
      <c r="D111" s="198"/>
      <c r="E111" s="198"/>
      <c r="F111" s="198"/>
      <c r="G111" s="198"/>
      <c r="H111" s="198"/>
      <c r="I111" s="198"/>
      <c r="M111" s="199"/>
      <c r="N111" s="198"/>
    </row>
    <row r="112" spans="3:14" x14ac:dyDescent="0.2">
      <c r="C112" s="198"/>
      <c r="D112" s="198"/>
      <c r="E112" s="198"/>
      <c r="F112" s="198"/>
      <c r="G112" s="198"/>
      <c r="H112" s="198"/>
      <c r="I112" s="198"/>
      <c r="M112" s="199"/>
      <c r="N112" s="198"/>
    </row>
    <row r="113" spans="3:14" x14ac:dyDescent="0.2">
      <c r="C113" s="198"/>
      <c r="D113" s="198"/>
      <c r="E113" s="198"/>
      <c r="F113" s="198"/>
      <c r="G113" s="198"/>
      <c r="H113" s="198"/>
      <c r="I113" s="198"/>
      <c r="M113" s="199"/>
      <c r="N113" s="198"/>
    </row>
    <row r="114" spans="3:14" x14ac:dyDescent="0.2">
      <c r="C114" s="198"/>
      <c r="D114" s="198"/>
      <c r="E114" s="198"/>
      <c r="F114" s="198"/>
      <c r="G114" s="198"/>
      <c r="H114" s="198"/>
      <c r="I114" s="198"/>
      <c r="M114" s="199"/>
      <c r="N114" s="198"/>
    </row>
    <row r="115" spans="3:14" x14ac:dyDescent="0.2">
      <c r="C115" s="198"/>
      <c r="D115" s="198"/>
      <c r="E115" s="198"/>
      <c r="F115" s="198"/>
      <c r="G115" s="198"/>
      <c r="H115" s="198"/>
      <c r="I115" s="198"/>
      <c r="M115" s="199"/>
      <c r="N115" s="198"/>
    </row>
    <row r="116" spans="3:14" x14ac:dyDescent="0.2">
      <c r="C116" s="198"/>
      <c r="D116" s="198"/>
      <c r="E116" s="198"/>
      <c r="F116" s="198"/>
      <c r="G116" s="198"/>
      <c r="H116" s="198"/>
      <c r="I116" s="198"/>
      <c r="M116" s="199"/>
      <c r="N116" s="198"/>
    </row>
    <row r="117" spans="3:14" x14ac:dyDescent="0.2">
      <c r="C117" s="198"/>
      <c r="D117" s="198"/>
      <c r="E117" s="198"/>
      <c r="F117" s="198"/>
      <c r="G117" s="198"/>
      <c r="H117" s="198"/>
      <c r="I117" s="198"/>
      <c r="M117" s="199"/>
      <c r="N117" s="198"/>
    </row>
    <row r="118" spans="3:14" x14ac:dyDescent="0.2">
      <c r="C118" s="198"/>
      <c r="D118" s="198"/>
      <c r="E118" s="198"/>
      <c r="F118" s="198"/>
      <c r="G118" s="198"/>
      <c r="H118" s="198"/>
      <c r="I118" s="198"/>
      <c r="M118" s="199"/>
      <c r="N118" s="198"/>
    </row>
    <row r="119" spans="3:14" x14ac:dyDescent="0.2">
      <c r="C119" s="198"/>
      <c r="D119" s="198"/>
      <c r="E119" s="198"/>
      <c r="F119" s="198"/>
      <c r="G119" s="198"/>
      <c r="H119" s="198"/>
      <c r="I119" s="198"/>
      <c r="M119" s="199"/>
      <c r="N119" s="198"/>
    </row>
    <row r="120" spans="3:14" x14ac:dyDescent="0.2">
      <c r="C120" s="198"/>
      <c r="D120" s="198"/>
      <c r="E120" s="198"/>
      <c r="F120" s="198"/>
      <c r="G120" s="198"/>
      <c r="H120" s="198"/>
      <c r="I120" s="198"/>
      <c r="M120" s="199"/>
      <c r="N120" s="198"/>
    </row>
    <row r="121" spans="3:14" x14ac:dyDescent="0.2">
      <c r="C121" s="198"/>
      <c r="D121" s="198"/>
      <c r="E121" s="198"/>
      <c r="F121" s="198"/>
      <c r="G121" s="198"/>
      <c r="H121" s="198"/>
      <c r="I121" s="198"/>
      <c r="M121" s="199"/>
      <c r="N121" s="198"/>
    </row>
    <row r="122" spans="3:14" x14ac:dyDescent="0.2">
      <c r="C122" s="198"/>
      <c r="D122" s="198"/>
      <c r="E122" s="198"/>
      <c r="F122" s="198"/>
      <c r="G122" s="198"/>
      <c r="H122" s="198"/>
      <c r="I122" s="198"/>
      <c r="M122" s="199"/>
      <c r="N122" s="198"/>
    </row>
    <row r="123" spans="3:14" x14ac:dyDescent="0.2">
      <c r="C123" s="198"/>
      <c r="D123" s="198"/>
      <c r="E123" s="198"/>
      <c r="F123" s="198"/>
      <c r="G123" s="198"/>
      <c r="H123" s="198"/>
      <c r="I123" s="198"/>
      <c r="M123" s="199"/>
      <c r="N123" s="198"/>
    </row>
  </sheetData>
  <autoFilter ref="B6:L6" xr:uid="{B50DFCEA-9056-4364-B33B-7841E8D195B9}"/>
  <mergeCells count="6">
    <mergeCell ref="B7:N7"/>
    <mergeCell ref="B13:N13"/>
    <mergeCell ref="B10:N10"/>
    <mergeCell ref="B15:N15"/>
    <mergeCell ref="C1:N5"/>
    <mergeCell ref="B1:B5"/>
  </mergeCells>
  <dataValidations count="1">
    <dataValidation type="list" allowBlank="1" showInputMessage="1" showErrorMessage="1" sqref="G11:G12 G8:G9 G14 G16:G27" xr:uid="{8647894B-28EE-4EBF-AD1B-3E4D912EEE56}">
      <formula1>"Social, Environment"</formula1>
    </dataValidation>
  </dataValidations>
  <hyperlinks>
    <hyperlink ref="N8" r:id="rId1" display="https://www.legislation.gov.uk/eur/2002/2368/2020-01-31/data.xht?view=snippet&amp;wrap=true" xr:uid="{4B7BA5EE-2684-4263-B8EA-129F217A8F03}"/>
    <hyperlink ref="N14" r:id="rId2" display="https://www.suin-juriscol.gov.co/clp/contenidos.dll/Circular/30050497?fn=document-frame.htm$f=templates$3.0" xr:uid="{41C60273-B13B-4957-9B87-22768032A71F}"/>
    <hyperlink ref="N9" r:id="rId3" xr:uid="{E95F717E-7553-45AC-850E-8E6B97E8FBCD}"/>
    <hyperlink ref="N12" r:id="rId4" xr:uid="{DCE4E4F1-EFFE-46A3-996B-18B7D27D6115}"/>
    <hyperlink ref="N11" r:id="rId5" xr:uid="{7B006388-BD9D-46A3-A620-A892B4A16F5F}"/>
  </hyperlinks>
  <pageMargins left="0.7" right="0.7" top="0.75" bottom="0.75" header="0.3" footer="0.3"/>
  <pageSetup scale="52" fitToHeight="0" orientation="landscape" r:id="rId6"/>
  <drawing r:id="rId7"/>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940B280-525C-4800-A88E-2358A32650AE}">
  <dimension ref="A1:A3"/>
  <sheetViews>
    <sheetView workbookViewId="0">
      <selection activeCell="C10" sqref="C10"/>
    </sheetView>
  </sheetViews>
  <sheetFormatPr defaultColWidth="8.875" defaultRowHeight="15" x14ac:dyDescent="0.25"/>
  <cols>
    <col min="1" max="1" width="13.875" customWidth="1"/>
  </cols>
  <sheetData>
    <row r="1" spans="1:1" x14ac:dyDescent="0.25">
      <c r="A1" t="s">
        <v>9</v>
      </c>
    </row>
    <row r="2" spans="1:1" x14ac:dyDescent="0.25">
      <c r="A2" t="s">
        <v>13</v>
      </c>
    </row>
    <row r="3" spans="1:1" x14ac:dyDescent="0.25">
      <c r="A3" t="s">
        <v>22</v>
      </c>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1F4F716-FE0D-4192-8FAD-4F18970273BC}">
  <sheetPr>
    <pageSetUpPr fitToPage="1"/>
  </sheetPr>
  <dimension ref="B1:N14"/>
  <sheetViews>
    <sheetView topLeftCell="B1" zoomScale="70" zoomScaleNormal="70" workbookViewId="0">
      <pane ySplit="6" topLeftCell="A7" activePane="bottomLeft" state="frozen"/>
      <selection pane="bottomLeft" activeCell="I8" sqref="I8"/>
    </sheetView>
  </sheetViews>
  <sheetFormatPr defaultColWidth="8.875" defaultRowHeight="15" x14ac:dyDescent="0.2"/>
  <cols>
    <col min="1" max="1" width="6.875" style="28" customWidth="1"/>
    <col min="2" max="2" width="41.875" style="21" customWidth="1"/>
    <col min="3" max="3" width="12.875" style="24" customWidth="1"/>
    <col min="4" max="4" width="15.5" style="24" customWidth="1"/>
    <col min="5" max="5" width="12.875" style="24" customWidth="1"/>
    <col min="6" max="6" width="15.125" style="24" customWidth="1"/>
    <col min="7" max="7" width="13.125" style="24" customWidth="1"/>
    <col min="8" max="8" width="26.5" style="25" customWidth="1"/>
    <col min="9" max="9" width="19.5" style="25" customWidth="1"/>
    <col min="10" max="10" width="56.5" style="26" customWidth="1"/>
    <col min="11" max="11" width="49.5" style="26" customWidth="1"/>
    <col min="12" max="12" width="41" style="26" customWidth="1"/>
    <col min="13" max="13" width="28.5" style="27" customWidth="1"/>
    <col min="14" max="14" width="35.5" style="25" customWidth="1"/>
    <col min="15" max="16384" width="8.875" style="28"/>
  </cols>
  <sheetData>
    <row r="1" spans="2:14" s="23" customFormat="1" x14ac:dyDescent="0.25">
      <c r="B1" s="264"/>
      <c r="C1" s="263" t="s">
        <v>520</v>
      </c>
      <c r="D1" s="263"/>
      <c r="E1" s="263"/>
      <c r="F1" s="263"/>
      <c r="G1" s="263"/>
      <c r="H1" s="263"/>
      <c r="I1" s="263"/>
      <c r="J1" s="263"/>
      <c r="K1" s="263"/>
      <c r="L1" s="263"/>
      <c r="M1" s="263"/>
      <c r="N1" s="263"/>
    </row>
    <row r="2" spans="2:14" s="23" customFormat="1" x14ac:dyDescent="0.25">
      <c r="B2" s="264"/>
      <c r="C2" s="263"/>
      <c r="D2" s="263"/>
      <c r="E2" s="263"/>
      <c r="F2" s="263"/>
      <c r="G2" s="263"/>
      <c r="H2" s="263"/>
      <c r="I2" s="263"/>
      <c r="J2" s="263"/>
      <c r="K2" s="263"/>
      <c r="L2" s="263"/>
      <c r="M2" s="263"/>
      <c r="N2" s="263"/>
    </row>
    <row r="3" spans="2:14" s="23" customFormat="1" ht="7.5" customHeight="1" x14ac:dyDescent="0.25">
      <c r="B3" s="264"/>
      <c r="C3" s="263"/>
      <c r="D3" s="263"/>
      <c r="E3" s="263"/>
      <c r="F3" s="263"/>
      <c r="G3" s="263"/>
      <c r="H3" s="263"/>
      <c r="I3" s="263"/>
      <c r="J3" s="263"/>
      <c r="K3" s="263"/>
      <c r="L3" s="263"/>
      <c r="M3" s="263"/>
      <c r="N3" s="263"/>
    </row>
    <row r="4" spans="2:14" ht="14.25" x14ac:dyDescent="0.2">
      <c r="B4" s="264"/>
      <c r="C4" s="263"/>
      <c r="D4" s="263"/>
      <c r="E4" s="263"/>
      <c r="F4" s="263"/>
      <c r="G4" s="263"/>
      <c r="H4" s="263"/>
      <c r="I4" s="263"/>
      <c r="J4" s="263"/>
      <c r="K4" s="263"/>
      <c r="L4" s="263"/>
      <c r="M4" s="263"/>
      <c r="N4" s="263"/>
    </row>
    <row r="5" spans="2:14" ht="36" customHeight="1" x14ac:dyDescent="0.2">
      <c r="B5" s="264"/>
      <c r="C5" s="263"/>
      <c r="D5" s="263"/>
      <c r="E5" s="263"/>
      <c r="F5" s="263"/>
      <c r="G5" s="263"/>
      <c r="H5" s="263"/>
      <c r="I5" s="263"/>
      <c r="J5" s="263"/>
      <c r="K5" s="263"/>
      <c r="L5" s="263"/>
      <c r="M5" s="263"/>
      <c r="N5" s="263"/>
    </row>
    <row r="6" spans="2:14" s="23" customFormat="1" ht="30" x14ac:dyDescent="0.25">
      <c r="B6" s="86" t="s">
        <v>8</v>
      </c>
      <c r="C6" s="87" t="s">
        <v>24</v>
      </c>
      <c r="D6" s="87" t="s">
        <v>59</v>
      </c>
      <c r="E6" s="87" t="s">
        <v>1</v>
      </c>
      <c r="F6" s="87" t="s">
        <v>6</v>
      </c>
      <c r="G6" s="87" t="s">
        <v>9</v>
      </c>
      <c r="H6" s="87" t="s">
        <v>12</v>
      </c>
      <c r="I6" s="87" t="s">
        <v>56</v>
      </c>
      <c r="J6" s="87" t="s">
        <v>5</v>
      </c>
      <c r="K6" s="87" t="s">
        <v>15</v>
      </c>
      <c r="L6" s="87" t="s">
        <v>23</v>
      </c>
      <c r="M6" s="87" t="s">
        <v>79</v>
      </c>
      <c r="N6" s="88" t="s">
        <v>10</v>
      </c>
    </row>
    <row r="7" spans="2:14" ht="237" customHeight="1" x14ac:dyDescent="0.2">
      <c r="B7" s="89" t="s">
        <v>544</v>
      </c>
      <c r="C7" s="29" t="s">
        <v>343</v>
      </c>
      <c r="D7" s="30">
        <v>27912</v>
      </c>
      <c r="E7" s="29" t="s">
        <v>11</v>
      </c>
      <c r="F7" s="30" t="s">
        <v>26</v>
      </c>
      <c r="G7" s="30" t="s">
        <v>13</v>
      </c>
      <c r="H7" s="30" t="s">
        <v>344</v>
      </c>
      <c r="I7" s="30" t="s">
        <v>155</v>
      </c>
      <c r="J7" s="31" t="s">
        <v>495</v>
      </c>
      <c r="K7" s="31" t="s">
        <v>25</v>
      </c>
      <c r="L7" s="31" t="s">
        <v>345</v>
      </c>
      <c r="M7" s="32" t="s">
        <v>237</v>
      </c>
      <c r="N7" s="90" t="s">
        <v>4</v>
      </c>
    </row>
    <row r="8" spans="2:14" ht="237" customHeight="1" x14ac:dyDescent="0.2">
      <c r="B8" s="89" t="s">
        <v>346</v>
      </c>
      <c r="C8" s="29" t="s">
        <v>3</v>
      </c>
      <c r="D8" s="30">
        <v>36708</v>
      </c>
      <c r="E8" s="29" t="s">
        <v>11</v>
      </c>
      <c r="F8" s="30" t="s">
        <v>241</v>
      </c>
      <c r="G8" s="30" t="s">
        <v>359</v>
      </c>
      <c r="H8" s="30" t="s">
        <v>242</v>
      </c>
      <c r="I8" s="30" t="s">
        <v>243</v>
      </c>
      <c r="J8" s="36" t="s">
        <v>347</v>
      </c>
      <c r="K8" s="36" t="s">
        <v>348</v>
      </c>
      <c r="L8" s="36" t="s">
        <v>244</v>
      </c>
      <c r="M8" s="249" t="s">
        <v>349</v>
      </c>
      <c r="N8" s="90" t="s">
        <v>240</v>
      </c>
    </row>
    <row r="9" spans="2:14" ht="294" customHeight="1" x14ac:dyDescent="0.2">
      <c r="B9" s="89" t="s">
        <v>90</v>
      </c>
      <c r="C9" s="33" t="s">
        <v>3</v>
      </c>
      <c r="D9" s="34">
        <v>40695</v>
      </c>
      <c r="E9" s="33" t="s">
        <v>11</v>
      </c>
      <c r="F9" s="33" t="s">
        <v>26</v>
      </c>
      <c r="G9" s="33" t="s">
        <v>13</v>
      </c>
      <c r="H9" s="35" t="s">
        <v>350</v>
      </c>
      <c r="I9" s="35" t="s">
        <v>155</v>
      </c>
      <c r="J9" s="36" t="s">
        <v>351</v>
      </c>
      <c r="K9" s="36" t="s">
        <v>352</v>
      </c>
      <c r="L9" s="36" t="s">
        <v>353</v>
      </c>
      <c r="M9" s="36" t="s">
        <v>238</v>
      </c>
      <c r="N9" s="91" t="s">
        <v>86</v>
      </c>
    </row>
    <row r="10" spans="2:14" ht="188.65" customHeight="1" x14ac:dyDescent="0.2">
      <c r="B10" s="89" t="s">
        <v>87</v>
      </c>
      <c r="C10" s="33" t="s">
        <v>3</v>
      </c>
      <c r="D10" s="34">
        <v>7041</v>
      </c>
      <c r="E10" s="33" t="s">
        <v>11</v>
      </c>
      <c r="F10" s="35" t="s">
        <v>354</v>
      </c>
      <c r="G10" s="35" t="s">
        <v>13</v>
      </c>
      <c r="H10" s="35" t="s">
        <v>355</v>
      </c>
      <c r="I10" s="35" t="s">
        <v>155</v>
      </c>
      <c r="J10" s="36" t="s">
        <v>539</v>
      </c>
      <c r="K10" s="36" t="s">
        <v>356</v>
      </c>
      <c r="L10" s="36" t="s">
        <v>357</v>
      </c>
      <c r="M10" s="36" t="s">
        <v>358</v>
      </c>
      <c r="N10" s="91" t="s">
        <v>91</v>
      </c>
    </row>
    <row r="11" spans="2:14" ht="409.5" x14ac:dyDescent="0.2">
      <c r="B11" s="89" t="s">
        <v>88</v>
      </c>
      <c r="C11" s="33" t="s">
        <v>3</v>
      </c>
      <c r="D11" s="34">
        <v>38808</v>
      </c>
      <c r="E11" s="33" t="s">
        <v>11</v>
      </c>
      <c r="F11" s="35" t="s">
        <v>95</v>
      </c>
      <c r="G11" s="35" t="s">
        <v>359</v>
      </c>
      <c r="H11" s="35" t="s">
        <v>360</v>
      </c>
      <c r="I11" s="35" t="s">
        <v>156</v>
      </c>
      <c r="J11" s="36" t="s">
        <v>560</v>
      </c>
      <c r="K11" s="36" t="s">
        <v>361</v>
      </c>
      <c r="L11" s="36" t="s">
        <v>524</v>
      </c>
      <c r="M11" s="36" t="s">
        <v>362</v>
      </c>
      <c r="N11" s="91" t="s">
        <v>96</v>
      </c>
    </row>
    <row r="12" spans="2:14" ht="409.6" customHeight="1" x14ac:dyDescent="0.2">
      <c r="B12" s="89" t="s">
        <v>89</v>
      </c>
      <c r="C12" s="33" t="s">
        <v>3</v>
      </c>
      <c r="D12" s="34">
        <v>36678</v>
      </c>
      <c r="E12" s="33" t="s">
        <v>11</v>
      </c>
      <c r="F12" s="33" t="s">
        <v>26</v>
      </c>
      <c r="G12" s="35" t="s">
        <v>359</v>
      </c>
      <c r="H12" s="35" t="s">
        <v>334</v>
      </c>
      <c r="I12" s="35" t="s">
        <v>67</v>
      </c>
      <c r="J12" s="36" t="s">
        <v>540</v>
      </c>
      <c r="K12" s="36" t="s">
        <v>561</v>
      </c>
      <c r="L12" s="36" t="s">
        <v>363</v>
      </c>
      <c r="M12" s="36" t="s">
        <v>364</v>
      </c>
      <c r="N12" s="91" t="s">
        <v>117</v>
      </c>
    </row>
    <row r="13" spans="2:14" ht="409.5" customHeight="1" x14ac:dyDescent="0.2">
      <c r="B13" s="92" t="s">
        <v>209</v>
      </c>
      <c r="C13" s="37" t="s">
        <v>3</v>
      </c>
      <c r="D13" s="38">
        <v>45103</v>
      </c>
      <c r="E13" s="37" t="s">
        <v>11</v>
      </c>
      <c r="F13" s="39" t="s">
        <v>239</v>
      </c>
      <c r="G13" s="40" t="s">
        <v>359</v>
      </c>
      <c r="H13" s="39" t="s">
        <v>334</v>
      </c>
      <c r="I13" s="39" t="s">
        <v>67</v>
      </c>
      <c r="J13" s="41" t="s">
        <v>562</v>
      </c>
      <c r="K13" s="41" t="s">
        <v>365</v>
      </c>
      <c r="L13" s="41" t="s">
        <v>366</v>
      </c>
      <c r="M13" s="41" t="s">
        <v>210</v>
      </c>
      <c r="N13" s="93" t="s">
        <v>367</v>
      </c>
    </row>
    <row r="14" spans="2:14" x14ac:dyDescent="0.2">
      <c r="J14" s="42"/>
      <c r="K14" s="42"/>
      <c r="L14" s="42"/>
      <c r="M14" s="43"/>
    </row>
  </sheetData>
  <autoFilter ref="B6:L6" xr:uid="{B50DFCEA-9056-4364-B33B-7841E8D195B9}"/>
  <mergeCells count="2">
    <mergeCell ref="C1:N5"/>
    <mergeCell ref="B1:B5"/>
  </mergeCells>
  <hyperlinks>
    <hyperlink ref="N7" r:id="rId1" xr:uid="{ECD917F7-6A45-4725-8C66-52A37F0E6635}"/>
    <hyperlink ref="N9" r:id="rId2" xr:uid="{54326FFC-23E4-4C24-8761-879925F43F3B}"/>
    <hyperlink ref="N10" r:id="rId3" xr:uid="{9699135C-9A1E-425E-8C13-C45538C95C4A}"/>
    <hyperlink ref="N11" r:id="rId4" xr:uid="{235EC066-B810-46A3-8585-6B20B42E360A}"/>
    <hyperlink ref="N12" r:id="rId5" xr:uid="{82E2FCDD-646A-426D-B0FE-B6D0B2690D4A}"/>
    <hyperlink ref="N13" r:id="rId6" xr:uid="{5ED2E226-5227-4E7F-B2DA-2C7DED9A2133}"/>
    <hyperlink ref="N8" r:id="rId7" display="https://unglobalcompact.org/what-is-gc/mission/principles" xr:uid="{4439B3F7-AFAD-4037-BEA6-F54C137BB100}"/>
  </hyperlinks>
  <pageMargins left="0.7" right="0.7" top="0.75" bottom="0.75" header="0.3" footer="0.3"/>
  <pageSetup scale="43" fitToHeight="0" orientation="landscape" r:id="rId8"/>
  <drawing r:id="rId9"/>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7DCF95F-0E5B-4B76-BD4B-047E4CD10720}">
  <sheetPr>
    <pageSetUpPr fitToPage="1"/>
  </sheetPr>
  <dimension ref="B1:N121"/>
  <sheetViews>
    <sheetView showGridLines="0" zoomScale="70" zoomScaleNormal="70" workbookViewId="0">
      <pane ySplit="6" topLeftCell="A7" activePane="bottomLeft" state="frozen"/>
      <selection pane="bottomLeft" activeCell="B8" sqref="B8"/>
    </sheetView>
  </sheetViews>
  <sheetFormatPr defaultColWidth="8.875" defaultRowHeight="15" x14ac:dyDescent="0.2"/>
  <cols>
    <col min="1" max="1" width="0.125" style="28" customWidth="1"/>
    <col min="2" max="2" width="41.875" style="21" customWidth="1"/>
    <col min="3" max="3" width="29" style="63" customWidth="1"/>
    <col min="4" max="5" width="15.5" style="64" customWidth="1"/>
    <col min="6" max="6" width="13.125" style="64" customWidth="1"/>
    <col min="7" max="8" width="13.125" style="65" customWidth="1"/>
    <col min="9" max="9" width="14.875" style="65" customWidth="1"/>
    <col min="10" max="10" width="56.5" style="42" customWidth="1"/>
    <col min="11" max="11" width="20.5" style="42" customWidth="1"/>
    <col min="12" max="12" width="41" style="42" customWidth="1"/>
    <col min="13" max="13" width="22.5" style="66" customWidth="1"/>
    <col min="14" max="14" width="33.5" style="65" customWidth="1"/>
    <col min="15" max="16384" width="8.875" style="28"/>
  </cols>
  <sheetData>
    <row r="1" spans="2:14" ht="14.25" x14ac:dyDescent="0.2">
      <c r="B1" s="264"/>
      <c r="C1" s="263" t="s">
        <v>519</v>
      </c>
      <c r="D1" s="263"/>
      <c r="E1" s="263"/>
      <c r="F1" s="263"/>
      <c r="G1" s="263"/>
      <c r="H1" s="263"/>
      <c r="I1" s="263"/>
      <c r="J1" s="263"/>
      <c r="K1" s="263"/>
      <c r="L1" s="263"/>
      <c r="M1" s="263"/>
      <c r="N1" s="263"/>
    </row>
    <row r="2" spans="2:14" s="23" customFormat="1" ht="30" customHeight="1" x14ac:dyDescent="0.25">
      <c r="B2" s="264"/>
      <c r="C2" s="263"/>
      <c r="D2" s="263"/>
      <c r="E2" s="263"/>
      <c r="F2" s="263"/>
      <c r="G2" s="263"/>
      <c r="H2" s="263"/>
      <c r="I2" s="263"/>
      <c r="J2" s="263"/>
      <c r="K2" s="263"/>
      <c r="L2" s="263"/>
      <c r="M2" s="263"/>
      <c r="N2" s="263"/>
    </row>
    <row r="3" spans="2:14" ht="7.5" customHeight="1" x14ac:dyDescent="0.2">
      <c r="B3" s="264"/>
      <c r="C3" s="263"/>
      <c r="D3" s="263"/>
      <c r="E3" s="263"/>
      <c r="F3" s="263"/>
      <c r="G3" s="263"/>
      <c r="H3" s="263"/>
      <c r="I3" s="263"/>
      <c r="J3" s="263"/>
      <c r="K3" s="263"/>
      <c r="L3" s="263"/>
      <c r="M3" s="263"/>
      <c r="N3" s="263"/>
    </row>
    <row r="4" spans="2:14" ht="14.25" x14ac:dyDescent="0.2">
      <c r="B4" s="264"/>
      <c r="C4" s="263"/>
      <c r="D4" s="263"/>
      <c r="E4" s="263"/>
      <c r="F4" s="263"/>
      <c r="G4" s="263"/>
      <c r="H4" s="263"/>
      <c r="I4" s="263"/>
      <c r="J4" s="263"/>
      <c r="K4" s="263"/>
      <c r="L4" s="263"/>
      <c r="M4" s="263"/>
      <c r="N4" s="263"/>
    </row>
    <row r="5" spans="2:14" ht="21" customHeight="1" x14ac:dyDescent="0.2">
      <c r="B5" s="264"/>
      <c r="C5" s="271"/>
      <c r="D5" s="271"/>
      <c r="E5" s="271"/>
      <c r="F5" s="271"/>
      <c r="G5" s="271"/>
      <c r="H5" s="271"/>
      <c r="I5" s="271"/>
      <c r="J5" s="271"/>
      <c r="K5" s="271"/>
      <c r="L5" s="271"/>
      <c r="M5" s="271"/>
      <c r="N5" s="271"/>
    </row>
    <row r="6" spans="2:14" s="23" customFormat="1" ht="46.5" customHeight="1" x14ac:dyDescent="0.25">
      <c r="B6" s="94" t="s">
        <v>7</v>
      </c>
      <c r="C6" s="236" t="s">
        <v>8</v>
      </c>
      <c r="D6" s="236" t="s">
        <v>59</v>
      </c>
      <c r="E6" s="236" t="s">
        <v>1</v>
      </c>
      <c r="F6" s="236" t="s">
        <v>6</v>
      </c>
      <c r="G6" s="236" t="s">
        <v>9</v>
      </c>
      <c r="H6" s="236" t="s">
        <v>12</v>
      </c>
      <c r="I6" s="236" t="s">
        <v>56</v>
      </c>
      <c r="J6" s="236" t="s">
        <v>5</v>
      </c>
      <c r="K6" s="236" t="s">
        <v>15</v>
      </c>
      <c r="L6" s="236" t="s">
        <v>16</v>
      </c>
      <c r="M6" s="236" t="s">
        <v>79</v>
      </c>
      <c r="N6" s="237" t="s">
        <v>10</v>
      </c>
    </row>
    <row r="7" spans="2:14" ht="18.75" customHeight="1" x14ac:dyDescent="0.2">
      <c r="B7" s="265" t="s">
        <v>27</v>
      </c>
      <c r="C7" s="266"/>
      <c r="D7" s="266"/>
      <c r="E7" s="266"/>
      <c r="F7" s="266"/>
      <c r="G7" s="266"/>
      <c r="H7" s="266"/>
      <c r="I7" s="266"/>
      <c r="J7" s="266"/>
      <c r="K7" s="266"/>
      <c r="L7" s="266"/>
      <c r="M7" s="266"/>
      <c r="N7" s="267"/>
    </row>
    <row r="8" spans="2:14" ht="319.5" customHeight="1" x14ac:dyDescent="0.2">
      <c r="B8" s="97" t="s">
        <v>27</v>
      </c>
      <c r="C8" s="29" t="s">
        <v>159</v>
      </c>
      <c r="D8" s="45" t="s">
        <v>60</v>
      </c>
      <c r="E8" s="35" t="s">
        <v>28</v>
      </c>
      <c r="F8" s="35" t="s">
        <v>31</v>
      </c>
      <c r="G8" s="35" t="s">
        <v>22</v>
      </c>
      <c r="H8" s="46" t="s">
        <v>58</v>
      </c>
      <c r="I8" s="47" t="s">
        <v>116</v>
      </c>
      <c r="J8" s="48" t="s">
        <v>368</v>
      </c>
      <c r="K8" s="35" t="s">
        <v>30</v>
      </c>
      <c r="L8" s="49" t="s">
        <v>369</v>
      </c>
      <c r="M8" s="50" t="s">
        <v>72</v>
      </c>
      <c r="N8" s="99" t="s">
        <v>511</v>
      </c>
    </row>
    <row r="9" spans="2:14" ht="18.75" customHeight="1" x14ac:dyDescent="0.2">
      <c r="B9" s="268" t="s">
        <v>42</v>
      </c>
      <c r="C9" s="269"/>
      <c r="D9" s="269"/>
      <c r="E9" s="269"/>
      <c r="F9" s="269"/>
      <c r="G9" s="269"/>
      <c r="H9" s="269"/>
      <c r="I9" s="269"/>
      <c r="J9" s="269"/>
      <c r="K9" s="269"/>
      <c r="L9" s="269"/>
      <c r="M9" s="269"/>
      <c r="N9" s="270"/>
    </row>
    <row r="10" spans="2:14" ht="319.5" customHeight="1" x14ac:dyDescent="0.2">
      <c r="B10" s="97" t="s">
        <v>42</v>
      </c>
      <c r="C10" s="29" t="s">
        <v>158</v>
      </c>
      <c r="D10" s="45">
        <v>37895</v>
      </c>
      <c r="E10" s="35" t="s">
        <v>11</v>
      </c>
      <c r="F10" s="45" t="s">
        <v>31</v>
      </c>
      <c r="G10" s="35" t="s">
        <v>37</v>
      </c>
      <c r="H10" s="35" t="s">
        <v>93</v>
      </c>
      <c r="I10" s="51" t="s">
        <v>116</v>
      </c>
      <c r="J10" s="36" t="s">
        <v>370</v>
      </c>
      <c r="K10" s="46" t="s">
        <v>30</v>
      </c>
      <c r="L10" s="52" t="s">
        <v>43</v>
      </c>
      <c r="M10" s="53" t="s">
        <v>60</v>
      </c>
      <c r="N10" s="74" t="s">
        <v>44</v>
      </c>
    </row>
    <row r="11" spans="2:14" ht="18" customHeight="1" x14ac:dyDescent="0.2">
      <c r="B11" s="268" t="s">
        <v>323</v>
      </c>
      <c r="C11" s="269"/>
      <c r="D11" s="269"/>
      <c r="E11" s="269"/>
      <c r="F11" s="269"/>
      <c r="G11" s="269"/>
      <c r="H11" s="269"/>
      <c r="I11" s="269"/>
      <c r="J11" s="269"/>
      <c r="K11" s="269"/>
      <c r="L11" s="269"/>
      <c r="M11" s="269"/>
      <c r="N11" s="270"/>
    </row>
    <row r="12" spans="2:14" ht="205.5" customHeight="1" x14ac:dyDescent="0.2">
      <c r="B12" s="97" t="s">
        <v>323</v>
      </c>
      <c r="C12" s="29" t="s">
        <v>324</v>
      </c>
      <c r="D12" s="45">
        <v>45597</v>
      </c>
      <c r="E12" s="35" t="s">
        <v>11</v>
      </c>
      <c r="F12" s="45" t="s">
        <v>31</v>
      </c>
      <c r="G12" s="35" t="s">
        <v>151</v>
      </c>
      <c r="H12" s="54" t="s">
        <v>148</v>
      </c>
      <c r="I12" s="35" t="s">
        <v>67</v>
      </c>
      <c r="J12" s="36" t="s">
        <v>371</v>
      </c>
      <c r="K12" s="55" t="s">
        <v>84</v>
      </c>
      <c r="L12" s="52" t="s">
        <v>372</v>
      </c>
      <c r="M12" s="53" t="s">
        <v>60</v>
      </c>
      <c r="N12" s="100" t="s">
        <v>512</v>
      </c>
    </row>
    <row r="13" spans="2:14" ht="18" customHeight="1" x14ac:dyDescent="0.2">
      <c r="B13" s="268" t="s">
        <v>245</v>
      </c>
      <c r="C13" s="269"/>
      <c r="D13" s="269"/>
      <c r="E13" s="269"/>
      <c r="F13" s="269"/>
      <c r="G13" s="269"/>
      <c r="H13" s="269"/>
      <c r="I13" s="269"/>
      <c r="J13" s="269"/>
      <c r="K13" s="269"/>
      <c r="L13" s="269"/>
      <c r="M13" s="269"/>
      <c r="N13" s="270"/>
    </row>
    <row r="14" spans="2:14" ht="79.5" customHeight="1" x14ac:dyDescent="0.2">
      <c r="B14" s="97" t="s">
        <v>245</v>
      </c>
      <c r="C14" s="29" t="s">
        <v>250</v>
      </c>
      <c r="D14" s="45">
        <v>44044</v>
      </c>
      <c r="E14" s="35" t="s">
        <v>11</v>
      </c>
      <c r="F14" s="45" t="s">
        <v>31</v>
      </c>
      <c r="G14" s="35" t="s">
        <v>22</v>
      </c>
      <c r="H14" s="35" t="s">
        <v>22</v>
      </c>
      <c r="I14" s="51" t="s">
        <v>116</v>
      </c>
      <c r="J14" s="36" t="s">
        <v>373</v>
      </c>
      <c r="K14" s="46" t="s">
        <v>30</v>
      </c>
      <c r="L14" s="52" t="s">
        <v>249</v>
      </c>
      <c r="M14" s="53" t="s">
        <v>60</v>
      </c>
      <c r="N14" s="75" t="s">
        <v>248</v>
      </c>
    </row>
    <row r="15" spans="2:14" ht="205.5" customHeight="1" x14ac:dyDescent="0.2">
      <c r="B15" s="98" t="s">
        <v>245</v>
      </c>
      <c r="C15" s="68" t="s">
        <v>246</v>
      </c>
      <c r="D15" s="69">
        <v>45352</v>
      </c>
      <c r="E15" s="39" t="s">
        <v>11</v>
      </c>
      <c r="F15" s="69" t="s">
        <v>31</v>
      </c>
      <c r="G15" s="39" t="s">
        <v>22</v>
      </c>
      <c r="H15" s="39" t="s">
        <v>247</v>
      </c>
      <c r="I15" s="70" t="s">
        <v>61</v>
      </c>
      <c r="J15" s="41" t="s">
        <v>374</v>
      </c>
      <c r="K15" s="71" t="s">
        <v>251</v>
      </c>
      <c r="L15" s="72" t="s">
        <v>252</v>
      </c>
      <c r="M15" s="73" t="s">
        <v>60</v>
      </c>
      <c r="N15" s="76" t="s">
        <v>253</v>
      </c>
    </row>
    <row r="16" spans="2:14" x14ac:dyDescent="0.2">
      <c r="B16" s="59"/>
      <c r="C16" s="24"/>
      <c r="D16" s="60"/>
      <c r="E16" s="60"/>
      <c r="F16" s="60"/>
      <c r="G16" s="61"/>
      <c r="H16" s="61"/>
      <c r="I16" s="61"/>
      <c r="J16" s="62"/>
      <c r="K16" s="62"/>
      <c r="L16" s="62"/>
      <c r="M16" s="48"/>
      <c r="N16" s="61"/>
    </row>
    <row r="17" spans="3:14" x14ac:dyDescent="0.2">
      <c r="C17" s="24"/>
      <c r="D17" s="24"/>
      <c r="E17" s="24"/>
      <c r="F17" s="24"/>
      <c r="G17" s="25"/>
      <c r="H17" s="25"/>
      <c r="I17" s="25"/>
      <c r="M17" s="43"/>
      <c r="N17" s="25"/>
    </row>
    <row r="18" spans="3:14" x14ac:dyDescent="0.2">
      <c r="C18" s="24"/>
      <c r="D18" s="24"/>
      <c r="E18" s="24"/>
      <c r="F18" s="24"/>
      <c r="G18" s="25"/>
      <c r="H18" s="25"/>
      <c r="I18" s="25"/>
      <c r="J18" s="44"/>
      <c r="K18" s="44"/>
      <c r="M18" s="43"/>
      <c r="N18" s="24"/>
    </row>
    <row r="19" spans="3:14" x14ac:dyDescent="0.2">
      <c r="C19" s="24"/>
      <c r="D19" s="24"/>
      <c r="E19" s="24"/>
      <c r="F19" s="24"/>
      <c r="G19" s="25"/>
      <c r="H19" s="25"/>
      <c r="I19" s="25"/>
      <c r="M19" s="43"/>
      <c r="N19" s="25"/>
    </row>
    <row r="20" spans="3:14" x14ac:dyDescent="0.2">
      <c r="C20" s="24"/>
      <c r="D20" s="24"/>
      <c r="E20" s="24"/>
      <c r="F20" s="24"/>
      <c r="G20" s="25"/>
      <c r="H20" s="25"/>
      <c r="I20" s="25"/>
      <c r="M20" s="43"/>
      <c r="N20" s="25"/>
    </row>
    <row r="21" spans="3:14" x14ac:dyDescent="0.2">
      <c r="C21" s="24"/>
      <c r="D21" s="24"/>
      <c r="E21" s="24"/>
      <c r="F21" s="24"/>
      <c r="G21" s="25"/>
      <c r="H21" s="25"/>
      <c r="I21" s="25"/>
      <c r="M21" s="43"/>
      <c r="N21" s="25"/>
    </row>
    <row r="22" spans="3:14" x14ac:dyDescent="0.2">
      <c r="C22" s="24"/>
      <c r="D22" s="24"/>
      <c r="E22" s="24"/>
      <c r="F22" s="24"/>
      <c r="G22" s="25"/>
      <c r="H22" s="25"/>
      <c r="I22" s="25"/>
      <c r="M22" s="43"/>
      <c r="N22" s="25"/>
    </row>
    <row r="23" spans="3:14" x14ac:dyDescent="0.2">
      <c r="C23" s="24"/>
      <c r="D23" s="24"/>
      <c r="E23" s="24"/>
      <c r="F23" s="24"/>
      <c r="G23" s="25"/>
      <c r="H23" s="25"/>
      <c r="I23" s="25"/>
      <c r="M23" s="43"/>
      <c r="N23" s="25"/>
    </row>
    <row r="24" spans="3:14" x14ac:dyDescent="0.2">
      <c r="C24" s="24"/>
      <c r="D24" s="24"/>
      <c r="E24" s="24"/>
      <c r="F24" s="24"/>
      <c r="G24" s="25"/>
      <c r="H24" s="25"/>
      <c r="I24" s="25"/>
      <c r="M24" s="43"/>
      <c r="N24" s="25"/>
    </row>
    <row r="25" spans="3:14" x14ac:dyDescent="0.2">
      <c r="C25" s="24"/>
      <c r="D25" s="24"/>
      <c r="E25" s="24"/>
      <c r="F25" s="24"/>
      <c r="G25" s="25"/>
      <c r="H25" s="25"/>
      <c r="I25" s="25"/>
      <c r="M25" s="43"/>
      <c r="N25" s="25"/>
    </row>
    <row r="26" spans="3:14" x14ac:dyDescent="0.2">
      <c r="C26" s="24"/>
      <c r="D26" s="24"/>
      <c r="E26" s="24"/>
      <c r="F26" s="24"/>
      <c r="G26" s="25"/>
      <c r="H26" s="25"/>
      <c r="I26" s="25"/>
      <c r="M26" s="43"/>
      <c r="N26" s="25"/>
    </row>
    <row r="27" spans="3:14" x14ac:dyDescent="0.2">
      <c r="C27" s="24"/>
      <c r="D27" s="24"/>
      <c r="E27" s="24"/>
      <c r="F27" s="24"/>
      <c r="G27" s="25"/>
      <c r="H27" s="25"/>
      <c r="I27" s="25"/>
      <c r="M27" s="43"/>
      <c r="N27" s="25"/>
    </row>
    <row r="28" spans="3:14" x14ac:dyDescent="0.2">
      <c r="C28" s="24"/>
      <c r="D28" s="24"/>
      <c r="E28" s="24"/>
      <c r="F28" s="24"/>
      <c r="G28" s="25"/>
      <c r="H28" s="25"/>
      <c r="I28" s="25"/>
      <c r="M28" s="43"/>
      <c r="N28" s="25"/>
    </row>
    <row r="29" spans="3:14" x14ac:dyDescent="0.2">
      <c r="C29" s="24"/>
      <c r="D29" s="24"/>
      <c r="E29" s="24"/>
      <c r="F29" s="24"/>
      <c r="G29" s="25"/>
      <c r="H29" s="25"/>
      <c r="I29" s="25"/>
      <c r="M29" s="43"/>
      <c r="N29" s="25"/>
    </row>
    <row r="30" spans="3:14" x14ac:dyDescent="0.2">
      <c r="C30" s="24"/>
      <c r="D30" s="24"/>
      <c r="E30" s="24"/>
      <c r="F30" s="24"/>
      <c r="G30" s="25"/>
      <c r="H30" s="25"/>
      <c r="I30" s="25"/>
      <c r="M30" s="43"/>
      <c r="N30" s="25"/>
    </row>
    <row r="31" spans="3:14" x14ac:dyDescent="0.2">
      <c r="C31" s="24"/>
      <c r="D31" s="24"/>
      <c r="E31" s="24"/>
      <c r="F31" s="24"/>
      <c r="G31" s="25"/>
      <c r="H31" s="25"/>
      <c r="I31" s="25"/>
      <c r="M31" s="43"/>
      <c r="N31" s="25"/>
    </row>
    <row r="32" spans="3:14" x14ac:dyDescent="0.2">
      <c r="C32" s="24"/>
      <c r="D32" s="24"/>
      <c r="E32" s="24"/>
      <c r="F32" s="24"/>
      <c r="G32" s="25"/>
      <c r="H32" s="25"/>
      <c r="I32" s="25"/>
      <c r="M32" s="43"/>
      <c r="N32" s="25"/>
    </row>
    <row r="33" spans="3:14" x14ac:dyDescent="0.2">
      <c r="C33" s="24"/>
      <c r="D33" s="24"/>
      <c r="E33" s="24"/>
      <c r="F33" s="24"/>
      <c r="G33" s="25"/>
      <c r="H33" s="25"/>
      <c r="I33" s="25"/>
      <c r="M33" s="43"/>
      <c r="N33" s="25"/>
    </row>
    <row r="34" spans="3:14" x14ac:dyDescent="0.2">
      <c r="C34" s="24"/>
      <c r="D34" s="24"/>
      <c r="E34" s="24"/>
      <c r="F34" s="24"/>
      <c r="G34" s="25"/>
      <c r="H34" s="25"/>
      <c r="I34" s="25"/>
      <c r="M34" s="43"/>
      <c r="N34" s="25"/>
    </row>
    <row r="35" spans="3:14" x14ac:dyDescent="0.2">
      <c r="C35" s="24"/>
      <c r="D35" s="24"/>
      <c r="E35" s="24"/>
      <c r="F35" s="24"/>
      <c r="G35" s="25"/>
      <c r="H35" s="25"/>
      <c r="I35" s="25"/>
      <c r="M35" s="43"/>
      <c r="N35" s="25"/>
    </row>
    <row r="36" spans="3:14" x14ac:dyDescent="0.2">
      <c r="C36" s="24"/>
      <c r="D36" s="24"/>
      <c r="E36" s="24"/>
      <c r="F36" s="24"/>
      <c r="G36" s="25"/>
      <c r="H36" s="25"/>
      <c r="I36" s="25"/>
      <c r="M36" s="43"/>
      <c r="N36" s="25"/>
    </row>
    <row r="37" spans="3:14" x14ac:dyDescent="0.2">
      <c r="C37" s="24"/>
      <c r="D37" s="24"/>
      <c r="E37" s="24"/>
      <c r="F37" s="24"/>
      <c r="G37" s="25"/>
      <c r="H37" s="25"/>
      <c r="I37" s="25"/>
      <c r="M37" s="43"/>
      <c r="N37" s="25"/>
    </row>
    <row r="38" spans="3:14" x14ac:dyDescent="0.2">
      <c r="C38" s="24"/>
      <c r="D38" s="24"/>
      <c r="E38" s="24"/>
      <c r="F38" s="24"/>
      <c r="G38" s="25"/>
      <c r="H38" s="25"/>
      <c r="I38" s="25"/>
      <c r="M38" s="43"/>
      <c r="N38" s="25"/>
    </row>
    <row r="39" spans="3:14" x14ac:dyDescent="0.2">
      <c r="C39" s="24"/>
      <c r="D39" s="24"/>
      <c r="E39" s="24"/>
      <c r="F39" s="24"/>
      <c r="G39" s="25"/>
      <c r="H39" s="25"/>
      <c r="I39" s="25"/>
      <c r="M39" s="43"/>
      <c r="N39" s="25"/>
    </row>
    <row r="40" spans="3:14" x14ac:dyDescent="0.2">
      <c r="C40" s="24"/>
      <c r="D40" s="24"/>
      <c r="E40" s="24"/>
      <c r="F40" s="24"/>
      <c r="G40" s="25"/>
      <c r="H40" s="25"/>
      <c r="I40" s="25"/>
      <c r="M40" s="43"/>
      <c r="N40" s="25"/>
    </row>
    <row r="41" spans="3:14" x14ac:dyDescent="0.2">
      <c r="C41" s="24"/>
      <c r="D41" s="24"/>
      <c r="E41" s="24"/>
      <c r="F41" s="24"/>
      <c r="G41" s="25"/>
      <c r="H41" s="25"/>
      <c r="I41" s="25"/>
      <c r="M41" s="43"/>
      <c r="N41" s="25"/>
    </row>
    <row r="42" spans="3:14" x14ac:dyDescent="0.2">
      <c r="C42" s="24"/>
      <c r="D42" s="24"/>
      <c r="E42" s="24"/>
      <c r="F42" s="24"/>
      <c r="G42" s="25"/>
      <c r="H42" s="25"/>
      <c r="I42" s="25"/>
      <c r="M42" s="43"/>
      <c r="N42" s="25"/>
    </row>
    <row r="43" spans="3:14" x14ac:dyDescent="0.2">
      <c r="C43" s="24"/>
      <c r="D43" s="24"/>
      <c r="E43" s="24"/>
      <c r="F43" s="24"/>
      <c r="G43" s="25"/>
      <c r="H43" s="25"/>
      <c r="I43" s="25"/>
      <c r="M43" s="43"/>
      <c r="N43" s="25"/>
    </row>
    <row r="44" spans="3:14" x14ac:dyDescent="0.2">
      <c r="C44" s="24"/>
      <c r="D44" s="24"/>
      <c r="E44" s="24"/>
      <c r="F44" s="24"/>
      <c r="G44" s="25"/>
      <c r="H44" s="25"/>
      <c r="I44" s="25"/>
      <c r="M44" s="43"/>
      <c r="N44" s="25"/>
    </row>
    <row r="45" spans="3:14" x14ac:dyDescent="0.2">
      <c r="C45" s="24"/>
      <c r="D45" s="24"/>
      <c r="E45" s="24"/>
      <c r="F45" s="24"/>
      <c r="G45" s="25"/>
      <c r="H45" s="25"/>
      <c r="I45" s="25"/>
      <c r="M45" s="43"/>
      <c r="N45" s="25"/>
    </row>
    <row r="46" spans="3:14" x14ac:dyDescent="0.2">
      <c r="C46" s="24"/>
      <c r="D46" s="24"/>
      <c r="E46" s="24"/>
      <c r="F46" s="24"/>
      <c r="G46" s="25"/>
      <c r="H46" s="25"/>
      <c r="I46" s="25"/>
      <c r="M46" s="43"/>
      <c r="N46" s="25"/>
    </row>
    <row r="47" spans="3:14" x14ac:dyDescent="0.2">
      <c r="C47" s="24"/>
      <c r="D47" s="24"/>
      <c r="E47" s="24"/>
      <c r="F47" s="24"/>
      <c r="G47" s="25"/>
      <c r="H47" s="25"/>
      <c r="I47" s="25"/>
      <c r="M47" s="43"/>
      <c r="N47" s="25"/>
    </row>
    <row r="48" spans="3:14" x14ac:dyDescent="0.2">
      <c r="C48" s="24"/>
      <c r="D48" s="24"/>
      <c r="E48" s="24"/>
      <c r="F48" s="24"/>
      <c r="G48" s="25"/>
      <c r="H48" s="25"/>
      <c r="I48" s="25"/>
      <c r="M48" s="43"/>
      <c r="N48" s="25"/>
    </row>
    <row r="49" spans="3:14" x14ac:dyDescent="0.2">
      <c r="C49" s="24"/>
      <c r="D49" s="24"/>
      <c r="E49" s="24"/>
      <c r="F49" s="24"/>
      <c r="G49" s="25"/>
      <c r="H49" s="25"/>
      <c r="I49" s="25"/>
      <c r="M49" s="43"/>
      <c r="N49" s="25"/>
    </row>
    <row r="50" spans="3:14" x14ac:dyDescent="0.2">
      <c r="C50" s="24"/>
      <c r="D50" s="24"/>
      <c r="E50" s="24"/>
      <c r="F50" s="24"/>
      <c r="G50" s="25"/>
      <c r="H50" s="25"/>
      <c r="I50" s="25"/>
      <c r="M50" s="43"/>
      <c r="N50" s="25"/>
    </row>
    <row r="51" spans="3:14" x14ac:dyDescent="0.2">
      <c r="C51" s="24"/>
      <c r="D51" s="24"/>
      <c r="E51" s="24"/>
      <c r="F51" s="24"/>
      <c r="G51" s="25"/>
      <c r="H51" s="25"/>
      <c r="I51" s="25"/>
      <c r="M51" s="43"/>
      <c r="N51" s="25"/>
    </row>
    <row r="52" spans="3:14" x14ac:dyDescent="0.2">
      <c r="C52" s="24"/>
      <c r="D52" s="24"/>
      <c r="E52" s="24"/>
      <c r="F52" s="24"/>
      <c r="G52" s="25"/>
      <c r="H52" s="25"/>
      <c r="I52" s="25"/>
      <c r="M52" s="43"/>
      <c r="N52" s="25"/>
    </row>
    <row r="53" spans="3:14" x14ac:dyDescent="0.2">
      <c r="C53" s="24"/>
      <c r="D53" s="24"/>
      <c r="E53" s="24"/>
      <c r="F53" s="24"/>
      <c r="G53" s="25"/>
      <c r="H53" s="25"/>
      <c r="I53" s="25"/>
      <c r="M53" s="43"/>
      <c r="N53" s="25"/>
    </row>
    <row r="54" spans="3:14" x14ac:dyDescent="0.2">
      <c r="C54" s="24"/>
      <c r="D54" s="24"/>
      <c r="E54" s="24"/>
      <c r="F54" s="24"/>
      <c r="G54" s="25"/>
      <c r="H54" s="25"/>
      <c r="I54" s="25"/>
      <c r="M54" s="43"/>
      <c r="N54" s="25"/>
    </row>
    <row r="55" spans="3:14" x14ac:dyDescent="0.2">
      <c r="C55" s="24"/>
      <c r="D55" s="24"/>
      <c r="E55" s="24"/>
      <c r="F55" s="24"/>
      <c r="G55" s="25"/>
      <c r="H55" s="25"/>
      <c r="I55" s="25"/>
      <c r="M55" s="43"/>
      <c r="N55" s="25"/>
    </row>
    <row r="56" spans="3:14" x14ac:dyDescent="0.2">
      <c r="C56" s="24"/>
      <c r="D56" s="24"/>
      <c r="E56" s="24"/>
      <c r="F56" s="24"/>
      <c r="G56" s="25"/>
      <c r="H56" s="25"/>
      <c r="I56" s="25"/>
      <c r="M56" s="43"/>
      <c r="N56" s="25"/>
    </row>
    <row r="57" spans="3:14" x14ac:dyDescent="0.2">
      <c r="C57" s="24"/>
      <c r="D57" s="24"/>
      <c r="E57" s="24"/>
      <c r="F57" s="24"/>
      <c r="G57" s="25"/>
      <c r="H57" s="25"/>
      <c r="I57" s="25"/>
      <c r="M57" s="43"/>
      <c r="N57" s="25"/>
    </row>
    <row r="58" spans="3:14" x14ac:dyDescent="0.2">
      <c r="C58" s="24"/>
      <c r="D58" s="24"/>
      <c r="E58" s="24"/>
      <c r="F58" s="24"/>
      <c r="G58" s="25"/>
      <c r="H58" s="25"/>
      <c r="I58" s="25"/>
      <c r="M58" s="43"/>
      <c r="N58" s="25"/>
    </row>
    <row r="59" spans="3:14" x14ac:dyDescent="0.2">
      <c r="C59" s="24"/>
      <c r="D59" s="24"/>
      <c r="E59" s="24"/>
      <c r="F59" s="24"/>
      <c r="G59" s="25"/>
      <c r="H59" s="25"/>
      <c r="I59" s="25"/>
      <c r="M59" s="43"/>
      <c r="N59" s="25"/>
    </row>
    <row r="60" spans="3:14" x14ac:dyDescent="0.2">
      <c r="C60" s="24"/>
      <c r="D60" s="24"/>
      <c r="E60" s="24"/>
      <c r="F60" s="24"/>
      <c r="G60" s="25"/>
      <c r="H60" s="25"/>
      <c r="I60" s="25"/>
      <c r="M60" s="43"/>
      <c r="N60" s="25"/>
    </row>
    <row r="61" spans="3:14" x14ac:dyDescent="0.2">
      <c r="C61" s="24"/>
      <c r="D61" s="24"/>
      <c r="E61" s="24"/>
      <c r="F61" s="24"/>
      <c r="G61" s="25"/>
      <c r="H61" s="25"/>
      <c r="I61" s="25"/>
      <c r="M61" s="43"/>
      <c r="N61" s="25"/>
    </row>
    <row r="62" spans="3:14" x14ac:dyDescent="0.2">
      <c r="C62" s="24"/>
      <c r="D62" s="24"/>
      <c r="E62" s="24"/>
      <c r="F62" s="24"/>
      <c r="G62" s="25"/>
      <c r="H62" s="25"/>
      <c r="I62" s="25"/>
      <c r="M62" s="43"/>
      <c r="N62" s="25"/>
    </row>
    <row r="63" spans="3:14" x14ac:dyDescent="0.2">
      <c r="C63" s="24"/>
      <c r="D63" s="24"/>
      <c r="E63" s="24"/>
      <c r="F63" s="24"/>
      <c r="G63" s="25"/>
      <c r="H63" s="25"/>
      <c r="I63" s="25"/>
      <c r="M63" s="43"/>
      <c r="N63" s="25"/>
    </row>
    <row r="64" spans="3:14" x14ac:dyDescent="0.2">
      <c r="C64" s="24"/>
      <c r="D64" s="24"/>
      <c r="E64" s="24"/>
      <c r="F64" s="24"/>
      <c r="G64" s="25"/>
      <c r="H64" s="25"/>
      <c r="I64" s="25"/>
      <c r="M64" s="43"/>
      <c r="N64" s="25"/>
    </row>
    <row r="65" spans="3:14" x14ac:dyDescent="0.2">
      <c r="C65" s="24"/>
      <c r="D65" s="24"/>
      <c r="E65" s="24"/>
      <c r="F65" s="24"/>
      <c r="G65" s="25"/>
      <c r="H65" s="25"/>
      <c r="I65" s="25"/>
      <c r="M65" s="43"/>
      <c r="N65" s="25"/>
    </row>
    <row r="66" spans="3:14" x14ac:dyDescent="0.2">
      <c r="C66" s="24"/>
      <c r="D66" s="24"/>
      <c r="E66" s="24"/>
      <c r="F66" s="24"/>
      <c r="G66" s="25"/>
      <c r="H66" s="25"/>
      <c r="I66" s="25"/>
      <c r="M66" s="43"/>
      <c r="N66" s="25"/>
    </row>
    <row r="67" spans="3:14" x14ac:dyDescent="0.2">
      <c r="C67" s="24"/>
      <c r="D67" s="24"/>
      <c r="E67" s="24"/>
      <c r="F67" s="24"/>
      <c r="G67" s="25"/>
      <c r="H67" s="25"/>
      <c r="I67" s="25"/>
      <c r="M67" s="43"/>
      <c r="N67" s="25"/>
    </row>
    <row r="68" spans="3:14" x14ac:dyDescent="0.2">
      <c r="C68" s="24"/>
      <c r="D68" s="24"/>
      <c r="E68" s="24"/>
      <c r="F68" s="24"/>
      <c r="G68" s="25"/>
      <c r="H68" s="25"/>
      <c r="I68" s="25"/>
      <c r="M68" s="43"/>
      <c r="N68" s="25"/>
    </row>
    <row r="69" spans="3:14" x14ac:dyDescent="0.2">
      <c r="C69" s="24"/>
      <c r="D69" s="24"/>
      <c r="E69" s="24"/>
      <c r="F69" s="24"/>
      <c r="G69" s="25"/>
      <c r="H69" s="25"/>
      <c r="I69" s="25"/>
      <c r="M69" s="43"/>
      <c r="N69" s="25"/>
    </row>
    <row r="70" spans="3:14" x14ac:dyDescent="0.2">
      <c r="C70" s="24"/>
      <c r="D70" s="24"/>
      <c r="E70" s="24"/>
      <c r="F70" s="24"/>
      <c r="G70" s="25"/>
      <c r="H70" s="25"/>
      <c r="I70" s="25"/>
      <c r="M70" s="43"/>
      <c r="N70" s="25"/>
    </row>
    <row r="71" spans="3:14" x14ac:dyDescent="0.2">
      <c r="C71" s="24"/>
      <c r="D71" s="24"/>
      <c r="E71" s="24"/>
      <c r="F71" s="24"/>
      <c r="G71" s="25"/>
      <c r="H71" s="25"/>
      <c r="I71" s="25"/>
      <c r="M71" s="43"/>
      <c r="N71" s="25"/>
    </row>
    <row r="72" spans="3:14" x14ac:dyDescent="0.2">
      <c r="C72" s="24"/>
      <c r="D72" s="24"/>
      <c r="E72" s="24"/>
      <c r="F72" s="24"/>
      <c r="G72" s="25"/>
      <c r="H72" s="25"/>
      <c r="I72" s="25"/>
      <c r="M72" s="43"/>
      <c r="N72" s="25"/>
    </row>
    <row r="73" spans="3:14" x14ac:dyDescent="0.2">
      <c r="C73" s="24"/>
      <c r="D73" s="24"/>
      <c r="E73" s="24"/>
      <c r="F73" s="24"/>
      <c r="G73" s="25"/>
      <c r="H73" s="25"/>
      <c r="I73" s="25"/>
      <c r="M73" s="43"/>
      <c r="N73" s="25"/>
    </row>
    <row r="74" spans="3:14" x14ac:dyDescent="0.2">
      <c r="C74" s="24"/>
      <c r="D74" s="24"/>
      <c r="E74" s="24"/>
      <c r="F74" s="24"/>
      <c r="G74" s="25"/>
      <c r="H74" s="25"/>
      <c r="I74" s="25"/>
      <c r="M74" s="43"/>
      <c r="N74" s="25"/>
    </row>
    <row r="75" spans="3:14" x14ac:dyDescent="0.2">
      <c r="C75" s="24"/>
      <c r="D75" s="24"/>
      <c r="E75" s="24"/>
      <c r="F75" s="24"/>
      <c r="G75" s="25"/>
      <c r="H75" s="25"/>
      <c r="I75" s="25"/>
      <c r="M75" s="43"/>
      <c r="N75" s="25"/>
    </row>
    <row r="76" spans="3:14" x14ac:dyDescent="0.2">
      <c r="C76" s="24"/>
      <c r="D76" s="24"/>
      <c r="E76" s="24"/>
      <c r="F76" s="24"/>
      <c r="G76" s="25"/>
      <c r="H76" s="25"/>
      <c r="I76" s="25"/>
      <c r="M76" s="43"/>
      <c r="N76" s="25"/>
    </row>
    <row r="77" spans="3:14" x14ac:dyDescent="0.2">
      <c r="C77" s="24"/>
      <c r="D77" s="24"/>
      <c r="E77" s="24"/>
      <c r="F77" s="24"/>
      <c r="G77" s="25"/>
      <c r="H77" s="25"/>
      <c r="I77" s="25"/>
      <c r="M77" s="43"/>
      <c r="N77" s="25"/>
    </row>
    <row r="78" spans="3:14" x14ac:dyDescent="0.2">
      <c r="C78" s="24"/>
      <c r="D78" s="24"/>
      <c r="E78" s="24"/>
      <c r="F78" s="24"/>
      <c r="G78" s="25"/>
      <c r="H78" s="25"/>
      <c r="I78" s="25"/>
      <c r="M78" s="43"/>
      <c r="N78" s="25"/>
    </row>
    <row r="79" spans="3:14" x14ac:dyDescent="0.2">
      <c r="C79" s="24"/>
      <c r="D79" s="24"/>
      <c r="E79" s="24"/>
      <c r="F79" s="24"/>
      <c r="G79" s="25"/>
      <c r="H79" s="25"/>
      <c r="I79" s="25"/>
      <c r="M79" s="43"/>
      <c r="N79" s="25"/>
    </row>
    <row r="80" spans="3:14" x14ac:dyDescent="0.2">
      <c r="C80" s="24"/>
      <c r="D80" s="24"/>
      <c r="E80" s="24"/>
      <c r="F80" s="24"/>
      <c r="G80" s="25"/>
      <c r="H80" s="25"/>
      <c r="I80" s="25"/>
      <c r="M80" s="43"/>
      <c r="N80" s="25"/>
    </row>
    <row r="81" spans="3:14" x14ac:dyDescent="0.2">
      <c r="C81" s="24"/>
      <c r="D81" s="24"/>
      <c r="E81" s="24"/>
      <c r="F81" s="24"/>
      <c r="G81" s="25"/>
      <c r="H81" s="25"/>
      <c r="I81" s="25"/>
      <c r="M81" s="43"/>
      <c r="N81" s="25"/>
    </row>
    <row r="82" spans="3:14" x14ac:dyDescent="0.2">
      <c r="C82" s="24"/>
      <c r="D82" s="24"/>
      <c r="E82" s="24"/>
      <c r="F82" s="24"/>
      <c r="G82" s="25"/>
      <c r="H82" s="25"/>
      <c r="I82" s="25"/>
      <c r="M82" s="43"/>
      <c r="N82" s="25"/>
    </row>
    <row r="83" spans="3:14" x14ac:dyDescent="0.2">
      <c r="C83" s="24"/>
      <c r="D83" s="24"/>
      <c r="E83" s="24"/>
      <c r="F83" s="24"/>
      <c r="G83" s="25"/>
      <c r="H83" s="25"/>
      <c r="I83" s="25"/>
      <c r="M83" s="43"/>
      <c r="N83" s="25"/>
    </row>
    <row r="84" spans="3:14" x14ac:dyDescent="0.2">
      <c r="C84" s="24"/>
      <c r="D84" s="24"/>
      <c r="E84" s="24"/>
      <c r="F84" s="24"/>
      <c r="G84" s="25"/>
      <c r="H84" s="25"/>
      <c r="I84" s="25"/>
      <c r="M84" s="43"/>
      <c r="N84" s="25"/>
    </row>
    <row r="85" spans="3:14" x14ac:dyDescent="0.2">
      <c r="C85" s="24"/>
      <c r="D85" s="24"/>
      <c r="E85" s="24"/>
      <c r="F85" s="24"/>
      <c r="G85" s="25"/>
      <c r="H85" s="25"/>
      <c r="I85" s="25"/>
      <c r="M85" s="43"/>
      <c r="N85" s="25"/>
    </row>
    <row r="86" spans="3:14" x14ac:dyDescent="0.2">
      <c r="C86" s="24"/>
      <c r="D86" s="24"/>
      <c r="E86" s="24"/>
      <c r="F86" s="24"/>
      <c r="G86" s="25"/>
      <c r="H86" s="25"/>
      <c r="I86" s="25"/>
      <c r="M86" s="43"/>
      <c r="N86" s="25"/>
    </row>
    <row r="87" spans="3:14" x14ac:dyDescent="0.2">
      <c r="C87" s="24"/>
      <c r="D87" s="24"/>
      <c r="E87" s="24"/>
      <c r="F87" s="24"/>
      <c r="G87" s="25"/>
      <c r="H87" s="25"/>
      <c r="I87" s="25"/>
      <c r="M87" s="43"/>
      <c r="N87" s="25"/>
    </row>
    <row r="88" spans="3:14" x14ac:dyDescent="0.2">
      <c r="C88" s="24"/>
      <c r="D88" s="24"/>
      <c r="E88" s="24"/>
      <c r="F88" s="24"/>
      <c r="G88" s="25"/>
      <c r="H88" s="25"/>
      <c r="I88" s="25"/>
      <c r="M88" s="43"/>
      <c r="N88" s="25"/>
    </row>
    <row r="89" spans="3:14" x14ac:dyDescent="0.2">
      <c r="C89" s="24"/>
      <c r="D89" s="24"/>
      <c r="E89" s="24"/>
      <c r="F89" s="24"/>
      <c r="G89" s="25"/>
      <c r="H89" s="25"/>
      <c r="I89" s="25"/>
      <c r="M89" s="43"/>
      <c r="N89" s="25"/>
    </row>
    <row r="90" spans="3:14" x14ac:dyDescent="0.2">
      <c r="C90" s="24"/>
      <c r="D90" s="24"/>
      <c r="E90" s="24"/>
      <c r="F90" s="24"/>
      <c r="G90" s="25"/>
      <c r="H90" s="25"/>
      <c r="I90" s="25"/>
      <c r="M90" s="43"/>
      <c r="N90" s="25"/>
    </row>
    <row r="91" spans="3:14" x14ac:dyDescent="0.2">
      <c r="C91" s="24"/>
      <c r="D91" s="24"/>
      <c r="E91" s="24"/>
      <c r="F91" s="24"/>
      <c r="G91" s="25"/>
      <c r="H91" s="25"/>
      <c r="I91" s="25"/>
      <c r="M91" s="43"/>
      <c r="N91" s="25"/>
    </row>
    <row r="92" spans="3:14" x14ac:dyDescent="0.2">
      <c r="C92" s="24"/>
      <c r="D92" s="24"/>
      <c r="E92" s="24"/>
      <c r="F92" s="24"/>
      <c r="G92" s="25"/>
      <c r="H92" s="25"/>
      <c r="I92" s="25"/>
      <c r="M92" s="43"/>
      <c r="N92" s="25"/>
    </row>
    <row r="93" spans="3:14" x14ac:dyDescent="0.2">
      <c r="C93" s="24"/>
      <c r="D93" s="24"/>
      <c r="E93" s="24"/>
      <c r="F93" s="24"/>
      <c r="G93" s="25"/>
      <c r="H93" s="25"/>
      <c r="I93" s="25"/>
      <c r="M93" s="43"/>
      <c r="N93" s="25"/>
    </row>
    <row r="94" spans="3:14" x14ac:dyDescent="0.2">
      <c r="C94" s="24"/>
      <c r="D94" s="24"/>
      <c r="E94" s="24"/>
      <c r="F94" s="24"/>
      <c r="G94" s="25"/>
      <c r="H94" s="25"/>
      <c r="I94" s="25"/>
      <c r="M94" s="43"/>
      <c r="N94" s="25"/>
    </row>
    <row r="95" spans="3:14" x14ac:dyDescent="0.2">
      <c r="C95" s="24"/>
      <c r="D95" s="24"/>
      <c r="E95" s="24"/>
      <c r="F95" s="24"/>
      <c r="G95" s="25"/>
      <c r="H95" s="25"/>
      <c r="I95" s="25"/>
      <c r="M95" s="43"/>
      <c r="N95" s="25"/>
    </row>
    <row r="96" spans="3:14" x14ac:dyDescent="0.2">
      <c r="C96" s="24"/>
      <c r="D96" s="24"/>
      <c r="E96" s="24"/>
      <c r="F96" s="24"/>
      <c r="G96" s="25"/>
      <c r="H96" s="25"/>
      <c r="I96" s="25"/>
      <c r="M96" s="43"/>
      <c r="N96" s="25"/>
    </row>
    <row r="97" spans="3:14" x14ac:dyDescent="0.2">
      <c r="C97" s="24"/>
      <c r="D97" s="24"/>
      <c r="E97" s="24"/>
      <c r="F97" s="24"/>
      <c r="G97" s="25"/>
      <c r="H97" s="25"/>
      <c r="I97" s="25"/>
      <c r="M97" s="43"/>
      <c r="N97" s="25"/>
    </row>
    <row r="98" spans="3:14" x14ac:dyDescent="0.2">
      <c r="C98" s="24"/>
      <c r="D98" s="24"/>
      <c r="E98" s="24"/>
      <c r="F98" s="24"/>
      <c r="G98" s="25"/>
      <c r="H98" s="25"/>
      <c r="I98" s="25"/>
      <c r="M98" s="43"/>
      <c r="N98" s="25"/>
    </row>
    <row r="99" spans="3:14" x14ac:dyDescent="0.2">
      <c r="C99" s="24"/>
      <c r="D99" s="24"/>
      <c r="E99" s="24"/>
      <c r="F99" s="24"/>
      <c r="G99" s="25"/>
      <c r="H99" s="25"/>
      <c r="I99" s="25"/>
      <c r="M99" s="43"/>
      <c r="N99" s="25"/>
    </row>
    <row r="100" spans="3:14" x14ac:dyDescent="0.2">
      <c r="C100" s="24"/>
      <c r="D100" s="24"/>
      <c r="E100" s="24"/>
      <c r="F100" s="24"/>
      <c r="G100" s="25"/>
      <c r="H100" s="25"/>
      <c r="I100" s="25"/>
      <c r="M100" s="43"/>
      <c r="N100" s="25"/>
    </row>
    <row r="101" spans="3:14" x14ac:dyDescent="0.2">
      <c r="C101" s="24"/>
      <c r="D101" s="24"/>
      <c r="E101" s="24"/>
      <c r="F101" s="24"/>
      <c r="G101" s="25"/>
      <c r="H101" s="25"/>
      <c r="I101" s="25"/>
      <c r="M101" s="43"/>
      <c r="N101" s="25"/>
    </row>
    <row r="102" spans="3:14" x14ac:dyDescent="0.2">
      <c r="C102" s="24"/>
      <c r="D102" s="24"/>
      <c r="E102" s="24"/>
      <c r="F102" s="24"/>
      <c r="G102" s="25"/>
      <c r="H102" s="25"/>
      <c r="I102" s="25"/>
      <c r="M102" s="43"/>
      <c r="N102" s="25"/>
    </row>
    <row r="103" spans="3:14" x14ac:dyDescent="0.2">
      <c r="C103" s="24"/>
      <c r="D103" s="24"/>
      <c r="E103" s="24"/>
      <c r="F103" s="24"/>
      <c r="G103" s="25"/>
      <c r="H103" s="25"/>
      <c r="I103" s="25"/>
      <c r="M103" s="43"/>
      <c r="N103" s="25"/>
    </row>
    <row r="104" spans="3:14" x14ac:dyDescent="0.2">
      <c r="C104" s="24"/>
      <c r="D104" s="24"/>
      <c r="E104" s="24"/>
      <c r="F104" s="24"/>
      <c r="G104" s="25"/>
      <c r="H104" s="25"/>
      <c r="I104" s="25"/>
      <c r="M104" s="43"/>
      <c r="N104" s="25"/>
    </row>
    <row r="105" spans="3:14" x14ac:dyDescent="0.2">
      <c r="C105" s="24"/>
      <c r="D105" s="24"/>
      <c r="E105" s="24"/>
      <c r="F105" s="24"/>
      <c r="G105" s="25"/>
      <c r="H105" s="25"/>
      <c r="I105" s="25"/>
      <c r="M105" s="43"/>
      <c r="N105" s="25"/>
    </row>
    <row r="106" spans="3:14" x14ac:dyDescent="0.2">
      <c r="C106" s="24"/>
      <c r="D106" s="24"/>
      <c r="E106" s="24"/>
      <c r="F106" s="24"/>
      <c r="G106" s="25"/>
      <c r="H106" s="25"/>
      <c r="I106" s="25"/>
      <c r="M106" s="43"/>
      <c r="N106" s="25"/>
    </row>
    <row r="107" spans="3:14" x14ac:dyDescent="0.2">
      <c r="C107" s="24"/>
      <c r="D107" s="24"/>
      <c r="E107" s="24"/>
      <c r="F107" s="24"/>
      <c r="G107" s="25"/>
      <c r="H107" s="25"/>
      <c r="I107" s="25"/>
      <c r="M107" s="43"/>
      <c r="N107" s="25"/>
    </row>
    <row r="108" spans="3:14" x14ac:dyDescent="0.2">
      <c r="C108" s="24"/>
      <c r="D108" s="24"/>
      <c r="E108" s="24"/>
      <c r="F108" s="24"/>
      <c r="G108" s="25"/>
      <c r="H108" s="25"/>
      <c r="I108" s="25"/>
      <c r="M108" s="43"/>
      <c r="N108" s="25"/>
    </row>
    <row r="109" spans="3:14" x14ac:dyDescent="0.2">
      <c r="C109" s="24"/>
      <c r="D109" s="24"/>
      <c r="E109" s="24"/>
      <c r="F109" s="24"/>
      <c r="G109" s="25"/>
      <c r="H109" s="25"/>
      <c r="I109" s="25"/>
      <c r="M109" s="43"/>
      <c r="N109" s="25"/>
    </row>
    <row r="110" spans="3:14" x14ac:dyDescent="0.2">
      <c r="C110" s="24"/>
      <c r="D110" s="24"/>
      <c r="E110" s="24"/>
      <c r="F110" s="24"/>
      <c r="G110" s="25"/>
      <c r="H110" s="25"/>
      <c r="I110" s="25"/>
      <c r="M110" s="43"/>
      <c r="N110" s="25"/>
    </row>
    <row r="111" spans="3:14" x14ac:dyDescent="0.2">
      <c r="C111" s="24"/>
      <c r="D111" s="24"/>
      <c r="E111" s="24"/>
      <c r="F111" s="24"/>
      <c r="G111" s="25"/>
      <c r="H111" s="25"/>
      <c r="I111" s="25"/>
      <c r="M111" s="43"/>
      <c r="N111" s="25"/>
    </row>
    <row r="112" spans="3:14" x14ac:dyDescent="0.2">
      <c r="C112" s="24"/>
      <c r="D112" s="24"/>
      <c r="E112" s="24"/>
      <c r="F112" s="24"/>
      <c r="G112" s="25"/>
      <c r="H112" s="25"/>
      <c r="I112" s="25"/>
      <c r="M112" s="43"/>
      <c r="N112" s="25"/>
    </row>
    <row r="113" spans="3:14" x14ac:dyDescent="0.2">
      <c r="C113" s="24"/>
      <c r="D113" s="24"/>
      <c r="E113" s="24"/>
      <c r="F113" s="24"/>
      <c r="G113" s="25"/>
      <c r="H113" s="25"/>
      <c r="I113" s="25"/>
      <c r="M113" s="43"/>
      <c r="N113" s="25"/>
    </row>
    <row r="114" spans="3:14" x14ac:dyDescent="0.2">
      <c r="C114" s="24"/>
      <c r="D114" s="24"/>
      <c r="E114" s="24"/>
      <c r="F114" s="24"/>
      <c r="G114" s="25"/>
      <c r="H114" s="25"/>
      <c r="I114" s="25"/>
      <c r="M114" s="43"/>
      <c r="N114" s="25"/>
    </row>
    <row r="115" spans="3:14" x14ac:dyDescent="0.2">
      <c r="C115" s="24"/>
      <c r="D115" s="24"/>
      <c r="E115" s="24"/>
      <c r="F115" s="24"/>
      <c r="G115" s="25"/>
      <c r="H115" s="25"/>
      <c r="I115" s="25"/>
      <c r="M115" s="43"/>
      <c r="N115" s="25"/>
    </row>
    <row r="116" spans="3:14" x14ac:dyDescent="0.2">
      <c r="C116" s="24"/>
      <c r="D116" s="24"/>
      <c r="E116" s="24"/>
      <c r="F116" s="24"/>
      <c r="G116" s="25"/>
      <c r="H116" s="25"/>
      <c r="I116" s="25"/>
      <c r="M116" s="43"/>
      <c r="N116" s="25"/>
    </row>
    <row r="117" spans="3:14" x14ac:dyDescent="0.2">
      <c r="C117" s="24"/>
      <c r="D117" s="24"/>
      <c r="E117" s="24"/>
      <c r="F117" s="24"/>
      <c r="G117" s="25"/>
      <c r="H117" s="25"/>
      <c r="I117" s="25"/>
      <c r="M117" s="43"/>
      <c r="N117" s="25"/>
    </row>
    <row r="118" spans="3:14" x14ac:dyDescent="0.2">
      <c r="C118" s="24"/>
      <c r="D118" s="24"/>
      <c r="E118" s="24"/>
      <c r="F118" s="24"/>
      <c r="G118" s="25"/>
      <c r="H118" s="25"/>
      <c r="I118" s="25"/>
      <c r="M118" s="43"/>
      <c r="N118" s="25"/>
    </row>
    <row r="119" spans="3:14" x14ac:dyDescent="0.2">
      <c r="C119" s="24"/>
      <c r="D119" s="24"/>
      <c r="E119" s="24"/>
      <c r="F119" s="24"/>
      <c r="G119" s="25"/>
      <c r="H119" s="25"/>
      <c r="I119" s="25"/>
      <c r="M119" s="43"/>
      <c r="N119" s="25"/>
    </row>
    <row r="120" spans="3:14" x14ac:dyDescent="0.2">
      <c r="C120" s="24"/>
      <c r="D120" s="24"/>
      <c r="E120" s="24"/>
      <c r="F120" s="24"/>
      <c r="G120" s="25"/>
      <c r="H120" s="25"/>
      <c r="I120" s="25"/>
      <c r="M120" s="43"/>
      <c r="N120" s="25"/>
    </row>
    <row r="121" spans="3:14" x14ac:dyDescent="0.2">
      <c r="C121" s="24"/>
      <c r="D121" s="24"/>
      <c r="E121" s="24"/>
      <c r="F121" s="24"/>
      <c r="G121" s="25"/>
      <c r="H121" s="25"/>
      <c r="I121" s="25"/>
      <c r="M121" s="43"/>
      <c r="N121" s="25"/>
    </row>
  </sheetData>
  <autoFilter ref="B6:L7" xr:uid="{B50DFCEA-9056-4364-B33B-7841E8D195B9}"/>
  <mergeCells count="6">
    <mergeCell ref="B7:N7"/>
    <mergeCell ref="B11:N11"/>
    <mergeCell ref="B13:N13"/>
    <mergeCell ref="B9:N9"/>
    <mergeCell ref="C1:N5"/>
    <mergeCell ref="B1:B5"/>
  </mergeCells>
  <dataValidations count="1">
    <dataValidation type="list" allowBlank="1" showInputMessage="1" showErrorMessage="1" sqref="G15:G25 G10 G8 G12" xr:uid="{EB6A4F5F-D391-4BD8-9F77-B5A6B6B20329}">
      <formula1>"Social, Environment"</formula1>
    </dataValidation>
  </dataValidations>
  <hyperlinks>
    <hyperlink ref="N8" r:id="rId1" xr:uid="{F4612D63-57B1-4555-B1B7-2364968A9E9B}"/>
    <hyperlink ref="N14" r:id="rId2" xr:uid="{0FC757CA-10D8-4663-BE43-02A84483CF4F}"/>
    <hyperlink ref="N15" r:id="rId3" display="https://frcnigeria.gov.ng/wp-content/uploads/2024/07/FINAL-COPY-OF-SUSTAINABILITY-ROADMAP1.pdf" xr:uid="{2DBF044C-6A91-47EC-B477-C6F13B9588B7}"/>
    <hyperlink ref="N12" r:id="rId4" xr:uid="{C71827DC-EEFC-439C-8C2C-FE2FC5296C85}"/>
    <hyperlink ref="N10" r:id="rId5" display="https://ir.parliament.gh/bitstream/handle/123456789/1874/ACT 651.pdf?sequence=3&amp;isAllowed=y" xr:uid="{EB99C70A-DA6C-46F2-81B6-CE407AA79D1D}"/>
  </hyperlinks>
  <pageMargins left="0.7" right="0.7" top="0.75" bottom="0.75" header="0.3" footer="0.3"/>
  <pageSetup scale="52" fitToHeight="0" orientation="landscape" r:id="rId6"/>
  <drawing r:id="rId7"/>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2A4F940-5671-4C51-B5BF-ACA4F86C1446}">
  <sheetPr>
    <pageSetUpPr fitToPage="1"/>
  </sheetPr>
  <dimension ref="A1:Q128"/>
  <sheetViews>
    <sheetView showGridLines="0" topLeftCell="B1" zoomScale="70" zoomScaleNormal="70" workbookViewId="0">
      <pane ySplit="6" topLeftCell="A7" activePane="bottomLeft" state="frozen"/>
      <selection pane="bottomLeft" activeCell="B8" sqref="B8"/>
    </sheetView>
  </sheetViews>
  <sheetFormatPr defaultColWidth="8.875" defaultRowHeight="15" x14ac:dyDescent="0.2"/>
  <cols>
    <col min="1" max="1" width="8.875" style="28" hidden="1" customWidth="1"/>
    <col min="2" max="2" width="41.875" style="21" customWidth="1"/>
    <col min="3" max="3" width="29" style="63" customWidth="1"/>
    <col min="4" max="4" width="9.5" style="64" customWidth="1"/>
    <col min="5" max="5" width="15.5" style="64" customWidth="1"/>
    <col min="6" max="6" width="13.125" style="64" customWidth="1"/>
    <col min="7" max="8" width="13.125" style="65" customWidth="1"/>
    <col min="9" max="9" width="16.125" style="65" customWidth="1"/>
    <col min="10" max="10" width="56.5" style="42" customWidth="1"/>
    <col min="11" max="11" width="20.5" style="42" customWidth="1"/>
    <col min="12" max="12" width="41" style="42" customWidth="1"/>
    <col min="13" max="13" width="15.875" style="66" customWidth="1"/>
    <col min="14" max="14" width="33.5" style="65" customWidth="1"/>
    <col min="15" max="16384" width="8.875" style="28"/>
  </cols>
  <sheetData>
    <row r="1" spans="2:17" ht="14.25" x14ac:dyDescent="0.2">
      <c r="B1" s="264"/>
      <c r="C1" s="263" t="s">
        <v>518</v>
      </c>
      <c r="D1" s="263"/>
      <c r="E1" s="263"/>
      <c r="F1" s="263"/>
      <c r="G1" s="263"/>
      <c r="H1" s="263"/>
      <c r="I1" s="263"/>
      <c r="J1" s="263"/>
      <c r="K1" s="263"/>
      <c r="L1" s="263"/>
      <c r="M1" s="263"/>
      <c r="N1" s="263"/>
    </row>
    <row r="2" spans="2:17" ht="30" customHeight="1" x14ac:dyDescent="0.2">
      <c r="B2" s="264"/>
      <c r="C2" s="263"/>
      <c r="D2" s="263"/>
      <c r="E2" s="263"/>
      <c r="F2" s="263"/>
      <c r="G2" s="263"/>
      <c r="H2" s="263"/>
      <c r="I2" s="263"/>
      <c r="J2" s="263"/>
      <c r="K2" s="263"/>
      <c r="L2" s="263"/>
      <c r="M2" s="263"/>
      <c r="N2" s="263"/>
    </row>
    <row r="3" spans="2:17" ht="7.5" customHeight="1" x14ac:dyDescent="0.2">
      <c r="B3" s="264"/>
      <c r="C3" s="263"/>
      <c r="D3" s="263"/>
      <c r="E3" s="263"/>
      <c r="F3" s="263"/>
      <c r="G3" s="263"/>
      <c r="H3" s="263"/>
      <c r="I3" s="263"/>
      <c r="J3" s="263"/>
      <c r="K3" s="263"/>
      <c r="L3" s="263"/>
      <c r="M3" s="263"/>
      <c r="N3" s="263"/>
    </row>
    <row r="4" spans="2:17" ht="14.25" x14ac:dyDescent="0.2">
      <c r="B4" s="264"/>
      <c r="C4" s="263"/>
      <c r="D4" s="263"/>
      <c r="E4" s="263"/>
      <c r="F4" s="263"/>
      <c r="G4" s="263"/>
      <c r="H4" s="263"/>
      <c r="I4" s="263"/>
      <c r="J4" s="263"/>
      <c r="K4" s="263"/>
      <c r="L4" s="263"/>
      <c r="M4" s="263"/>
      <c r="N4" s="263"/>
    </row>
    <row r="5" spans="2:17" ht="18" customHeight="1" x14ac:dyDescent="0.2">
      <c r="B5" s="264"/>
      <c r="C5" s="263"/>
      <c r="D5" s="263"/>
      <c r="E5" s="263"/>
      <c r="F5" s="263"/>
      <c r="G5" s="263"/>
      <c r="H5" s="263"/>
      <c r="I5" s="263"/>
      <c r="J5" s="263"/>
      <c r="K5" s="263"/>
      <c r="L5" s="263"/>
      <c r="M5" s="263"/>
      <c r="N5" s="263"/>
    </row>
    <row r="6" spans="2:17" s="23" customFormat="1" ht="55.5" customHeight="1" x14ac:dyDescent="0.25">
      <c r="B6" s="94" t="s">
        <v>7</v>
      </c>
      <c r="C6" s="95" t="s">
        <v>8</v>
      </c>
      <c r="D6" s="95" t="s">
        <v>59</v>
      </c>
      <c r="E6" s="95" t="s">
        <v>1</v>
      </c>
      <c r="F6" s="95" t="s">
        <v>6</v>
      </c>
      <c r="G6" s="95" t="s">
        <v>9</v>
      </c>
      <c r="H6" s="95" t="s">
        <v>12</v>
      </c>
      <c r="I6" s="95" t="s">
        <v>56</v>
      </c>
      <c r="J6" s="95" t="s">
        <v>5</v>
      </c>
      <c r="K6" s="95" t="s">
        <v>15</v>
      </c>
      <c r="L6" s="95" t="s">
        <v>16</v>
      </c>
      <c r="M6" s="95" t="s">
        <v>79</v>
      </c>
      <c r="N6" s="96" t="s">
        <v>10</v>
      </c>
    </row>
    <row r="7" spans="2:17" s="23" customFormat="1" ht="25.5" customHeight="1" x14ac:dyDescent="0.25">
      <c r="B7" s="272" t="s">
        <v>206</v>
      </c>
      <c r="C7" s="273"/>
      <c r="D7" s="273"/>
      <c r="E7" s="273"/>
      <c r="F7" s="273"/>
      <c r="G7" s="273"/>
      <c r="H7" s="273"/>
      <c r="I7" s="273"/>
      <c r="J7" s="273"/>
      <c r="K7" s="273"/>
      <c r="L7" s="273"/>
      <c r="M7" s="273"/>
      <c r="N7" s="274"/>
    </row>
    <row r="8" spans="2:17" s="42" customFormat="1" ht="292.35000000000002" customHeight="1" x14ac:dyDescent="0.25">
      <c r="B8" s="97" t="s">
        <v>206</v>
      </c>
      <c r="C8" s="29" t="s">
        <v>543</v>
      </c>
      <c r="D8" s="30">
        <v>45413</v>
      </c>
      <c r="E8" s="29" t="s">
        <v>59</v>
      </c>
      <c r="F8" s="29" t="s">
        <v>31</v>
      </c>
      <c r="G8" s="29" t="s">
        <v>152</v>
      </c>
      <c r="H8" s="29" t="s">
        <v>113</v>
      </c>
      <c r="I8" s="29" t="s">
        <v>156</v>
      </c>
      <c r="J8" s="31" t="s">
        <v>383</v>
      </c>
      <c r="K8" s="31" t="s">
        <v>38</v>
      </c>
      <c r="L8" s="31" t="s">
        <v>384</v>
      </c>
      <c r="M8" s="31" t="s">
        <v>60</v>
      </c>
      <c r="N8" s="101" t="s">
        <v>258</v>
      </c>
    </row>
    <row r="9" spans="2:17" s="42" customFormat="1" ht="328.15" customHeight="1" x14ac:dyDescent="0.25">
      <c r="B9" s="97" t="s">
        <v>207</v>
      </c>
      <c r="C9" s="29" t="s">
        <v>385</v>
      </c>
      <c r="D9" s="30">
        <v>45627</v>
      </c>
      <c r="E9" s="29" t="s">
        <v>11</v>
      </c>
      <c r="F9" s="29" t="s">
        <v>26</v>
      </c>
      <c r="G9" s="29" t="s">
        <v>284</v>
      </c>
      <c r="H9" s="29" t="s">
        <v>113</v>
      </c>
      <c r="I9" s="29" t="s">
        <v>156</v>
      </c>
      <c r="J9" s="31" t="s">
        <v>386</v>
      </c>
      <c r="K9" s="31" t="s">
        <v>38</v>
      </c>
      <c r="L9" s="31" t="s">
        <v>387</v>
      </c>
      <c r="M9" s="31" t="s">
        <v>72</v>
      </c>
      <c r="N9" s="101" t="s">
        <v>208</v>
      </c>
    </row>
    <row r="10" spans="2:17" s="42" customFormat="1" ht="284.85000000000002" customHeight="1" x14ac:dyDescent="0.25">
      <c r="B10" s="97" t="s">
        <v>222</v>
      </c>
      <c r="C10" s="29" t="s">
        <v>223</v>
      </c>
      <c r="D10" s="30" t="s">
        <v>60</v>
      </c>
      <c r="E10" s="29" t="s">
        <v>45</v>
      </c>
      <c r="F10" s="29" t="s">
        <v>31</v>
      </c>
      <c r="G10" s="29" t="s">
        <v>13</v>
      </c>
      <c r="H10" s="29" t="s">
        <v>64</v>
      </c>
      <c r="I10" s="29" t="s">
        <v>156</v>
      </c>
      <c r="J10" s="31" t="s">
        <v>388</v>
      </c>
      <c r="K10" s="31" t="s">
        <v>38</v>
      </c>
      <c r="L10" s="31" t="s">
        <v>389</v>
      </c>
      <c r="M10" s="31" t="s">
        <v>60</v>
      </c>
      <c r="N10" s="102" t="s">
        <v>224</v>
      </c>
    </row>
    <row r="11" spans="2:17" s="42" customFormat="1" ht="255.6" customHeight="1" x14ac:dyDescent="0.25">
      <c r="B11" s="97" t="s">
        <v>222</v>
      </c>
      <c r="C11" s="29" t="s">
        <v>262</v>
      </c>
      <c r="D11" s="30">
        <v>45627</v>
      </c>
      <c r="E11" s="29" t="s">
        <v>11</v>
      </c>
      <c r="F11" s="30" t="s">
        <v>31</v>
      </c>
      <c r="G11" s="29" t="s">
        <v>22</v>
      </c>
      <c r="H11" s="29" t="s">
        <v>247</v>
      </c>
      <c r="I11" s="77" t="s">
        <v>61</v>
      </c>
      <c r="J11" s="31" t="s">
        <v>405</v>
      </c>
      <c r="K11" s="31" t="s">
        <v>38</v>
      </c>
      <c r="L11" s="31" t="s">
        <v>288</v>
      </c>
      <c r="M11" s="31" t="s">
        <v>60</v>
      </c>
      <c r="N11" s="103" t="s">
        <v>263</v>
      </c>
      <c r="O11" s="62"/>
      <c r="P11" s="62"/>
      <c r="Q11" s="62"/>
    </row>
    <row r="12" spans="2:17" ht="18" customHeight="1" x14ac:dyDescent="0.2">
      <c r="B12" s="272" t="s">
        <v>46</v>
      </c>
      <c r="C12" s="273"/>
      <c r="D12" s="273"/>
      <c r="E12" s="273"/>
      <c r="F12" s="273"/>
      <c r="G12" s="273"/>
      <c r="H12" s="273"/>
      <c r="I12" s="273"/>
      <c r="J12" s="273"/>
      <c r="K12" s="273"/>
      <c r="L12" s="273"/>
      <c r="M12" s="273"/>
      <c r="N12" s="274"/>
    </row>
    <row r="13" spans="2:17" ht="301.5" customHeight="1" x14ac:dyDescent="0.2">
      <c r="B13" s="97" t="s">
        <v>46</v>
      </c>
      <c r="C13" s="29" t="s">
        <v>390</v>
      </c>
      <c r="D13" s="45">
        <v>42248</v>
      </c>
      <c r="E13" s="35" t="s">
        <v>11</v>
      </c>
      <c r="F13" s="45" t="s">
        <v>31</v>
      </c>
      <c r="G13" s="35" t="s">
        <v>13</v>
      </c>
      <c r="H13" s="35" t="s">
        <v>113</v>
      </c>
      <c r="I13" s="35" t="s">
        <v>61</v>
      </c>
      <c r="J13" s="31" t="s">
        <v>525</v>
      </c>
      <c r="K13" s="36" t="s">
        <v>38</v>
      </c>
      <c r="L13" s="36" t="s">
        <v>391</v>
      </c>
      <c r="M13" s="36" t="s">
        <v>60</v>
      </c>
      <c r="N13" s="104" t="s">
        <v>47</v>
      </c>
    </row>
    <row r="14" spans="2:17" ht="245.25" customHeight="1" x14ac:dyDescent="0.2">
      <c r="B14" s="97" t="s">
        <v>46</v>
      </c>
      <c r="C14" s="29" t="s">
        <v>496</v>
      </c>
      <c r="D14" s="45">
        <v>44317</v>
      </c>
      <c r="E14" s="35" t="s">
        <v>11</v>
      </c>
      <c r="F14" s="45" t="s">
        <v>31</v>
      </c>
      <c r="G14" s="35" t="s">
        <v>13</v>
      </c>
      <c r="H14" s="35" t="s">
        <v>113</v>
      </c>
      <c r="I14" s="35" t="s">
        <v>67</v>
      </c>
      <c r="J14" s="31" t="s">
        <v>541</v>
      </c>
      <c r="K14" s="36" t="s">
        <v>38</v>
      </c>
      <c r="L14" s="36" t="s">
        <v>392</v>
      </c>
      <c r="M14" s="36" t="s">
        <v>72</v>
      </c>
      <c r="N14" s="105" t="s">
        <v>393</v>
      </c>
    </row>
    <row r="15" spans="2:17" ht="19.5" customHeight="1" x14ac:dyDescent="0.2">
      <c r="B15" s="272" t="s">
        <v>48</v>
      </c>
      <c r="C15" s="273"/>
      <c r="D15" s="273"/>
      <c r="E15" s="273"/>
      <c r="F15" s="273"/>
      <c r="G15" s="273"/>
      <c r="H15" s="273"/>
      <c r="I15" s="273"/>
      <c r="J15" s="273"/>
      <c r="K15" s="273"/>
      <c r="L15" s="273"/>
      <c r="M15" s="273"/>
      <c r="N15" s="274"/>
    </row>
    <row r="16" spans="2:17" ht="408" customHeight="1" x14ac:dyDescent="0.2">
      <c r="B16" s="97" t="s">
        <v>48</v>
      </c>
      <c r="C16" s="78" t="s">
        <v>160</v>
      </c>
      <c r="D16" s="79">
        <v>42675</v>
      </c>
      <c r="E16" s="29" t="s">
        <v>11</v>
      </c>
      <c r="F16" s="29" t="s">
        <v>31</v>
      </c>
      <c r="G16" s="29" t="s">
        <v>22</v>
      </c>
      <c r="H16" s="29" t="s">
        <v>63</v>
      </c>
      <c r="I16" s="35" t="s">
        <v>156</v>
      </c>
      <c r="J16" s="31" t="s">
        <v>398</v>
      </c>
      <c r="K16" s="31" t="s">
        <v>38</v>
      </c>
      <c r="L16" s="31" t="s">
        <v>394</v>
      </c>
      <c r="M16" s="31" t="s">
        <v>60</v>
      </c>
      <c r="N16" s="104" t="s">
        <v>114</v>
      </c>
    </row>
    <row r="17" spans="2:14" ht="200.1" customHeight="1" x14ac:dyDescent="0.2">
      <c r="B17" s="97" t="s">
        <v>48</v>
      </c>
      <c r="C17" s="78" t="s">
        <v>161</v>
      </c>
      <c r="D17" s="30">
        <v>42856</v>
      </c>
      <c r="E17" s="29" t="s">
        <v>11</v>
      </c>
      <c r="F17" s="29" t="s">
        <v>31</v>
      </c>
      <c r="G17" s="29" t="s">
        <v>13</v>
      </c>
      <c r="H17" s="29" t="s">
        <v>64</v>
      </c>
      <c r="I17" s="29" t="s">
        <v>80</v>
      </c>
      <c r="J17" s="31" t="s">
        <v>497</v>
      </c>
      <c r="K17" s="31" t="s">
        <v>30</v>
      </c>
      <c r="L17" s="31" t="s">
        <v>395</v>
      </c>
      <c r="M17" s="31" t="s">
        <v>189</v>
      </c>
      <c r="N17" s="104" t="s">
        <v>50</v>
      </c>
    </row>
    <row r="18" spans="2:14" ht="219" customHeight="1" x14ac:dyDescent="0.2">
      <c r="B18" s="97" t="s">
        <v>48</v>
      </c>
      <c r="C18" s="78" t="s">
        <v>162</v>
      </c>
      <c r="D18" s="30">
        <v>43922</v>
      </c>
      <c r="E18" s="29" t="s">
        <v>11</v>
      </c>
      <c r="F18" s="29" t="s">
        <v>31</v>
      </c>
      <c r="G18" s="29" t="s">
        <v>22</v>
      </c>
      <c r="H18" s="29" t="s">
        <v>63</v>
      </c>
      <c r="I18" s="35" t="s">
        <v>156</v>
      </c>
      <c r="J18" s="31" t="s">
        <v>397</v>
      </c>
      <c r="K18" s="31" t="s">
        <v>38</v>
      </c>
      <c r="L18" s="31" t="s">
        <v>396</v>
      </c>
      <c r="M18" s="31" t="s">
        <v>60</v>
      </c>
      <c r="N18" s="106" t="s">
        <v>255</v>
      </c>
    </row>
    <row r="19" spans="2:14" ht="222.75" customHeight="1" x14ac:dyDescent="0.2">
      <c r="B19" s="97" t="s">
        <v>48</v>
      </c>
      <c r="C19" s="78" t="s">
        <v>163</v>
      </c>
      <c r="D19" s="45">
        <v>43770</v>
      </c>
      <c r="E19" s="35" t="s">
        <v>11</v>
      </c>
      <c r="F19" s="35" t="s">
        <v>31</v>
      </c>
      <c r="G19" s="35" t="s">
        <v>22</v>
      </c>
      <c r="H19" s="35" t="s">
        <v>63</v>
      </c>
      <c r="I19" s="35" t="s">
        <v>156</v>
      </c>
      <c r="J19" s="36" t="s">
        <v>498</v>
      </c>
      <c r="K19" s="36" t="s">
        <v>49</v>
      </c>
      <c r="L19" s="36" t="s">
        <v>399</v>
      </c>
      <c r="M19" s="36" t="s">
        <v>60</v>
      </c>
      <c r="N19" s="104" t="s">
        <v>115</v>
      </c>
    </row>
    <row r="20" spans="2:14" ht="231.6" customHeight="1" x14ac:dyDescent="0.2">
      <c r="B20" s="97" t="s">
        <v>48</v>
      </c>
      <c r="C20" s="78" t="s">
        <v>535</v>
      </c>
      <c r="D20" s="45">
        <v>45850</v>
      </c>
      <c r="E20" s="35" t="s">
        <v>11</v>
      </c>
      <c r="F20" s="35" t="s">
        <v>31</v>
      </c>
      <c r="G20" s="35" t="s">
        <v>22</v>
      </c>
      <c r="H20" s="35" t="s">
        <v>113</v>
      </c>
      <c r="I20" s="35" t="s">
        <v>67</v>
      </c>
      <c r="J20" s="36" t="s">
        <v>538</v>
      </c>
      <c r="K20" s="36" t="s">
        <v>17</v>
      </c>
      <c r="L20" s="36" t="s">
        <v>536</v>
      </c>
      <c r="M20" s="36" t="s">
        <v>60</v>
      </c>
      <c r="N20" s="248" t="s">
        <v>537</v>
      </c>
    </row>
    <row r="21" spans="2:14" ht="21.75" customHeight="1" x14ac:dyDescent="0.2">
      <c r="B21" s="272" t="s">
        <v>51</v>
      </c>
      <c r="C21" s="273"/>
      <c r="D21" s="273"/>
      <c r="E21" s="273"/>
      <c r="F21" s="273"/>
      <c r="G21" s="273"/>
      <c r="H21" s="273"/>
      <c r="I21" s="273"/>
      <c r="J21" s="273"/>
      <c r="K21" s="273"/>
      <c r="L21" s="273"/>
      <c r="M21" s="273"/>
      <c r="N21" s="274"/>
    </row>
    <row r="22" spans="2:14" ht="168.6" customHeight="1" x14ac:dyDescent="0.2">
      <c r="B22" s="97" t="s">
        <v>51</v>
      </c>
      <c r="C22" s="80" t="s">
        <v>400</v>
      </c>
      <c r="D22" s="79">
        <v>45717</v>
      </c>
      <c r="E22" s="29" t="s">
        <v>11</v>
      </c>
      <c r="F22" s="29" t="s">
        <v>31</v>
      </c>
      <c r="G22" s="29" t="s">
        <v>22</v>
      </c>
      <c r="H22" s="29" t="s">
        <v>247</v>
      </c>
      <c r="I22" s="77" t="s">
        <v>61</v>
      </c>
      <c r="J22" s="31" t="s">
        <v>499</v>
      </c>
      <c r="K22" s="31" t="s">
        <v>17</v>
      </c>
      <c r="L22" s="31" t="s">
        <v>278</v>
      </c>
      <c r="M22" s="31" t="s">
        <v>60</v>
      </c>
      <c r="N22" s="107" t="s">
        <v>280</v>
      </c>
    </row>
    <row r="23" spans="2:14" ht="393" customHeight="1" x14ac:dyDescent="0.2">
      <c r="B23" s="97" t="s">
        <v>51</v>
      </c>
      <c r="C23" s="80" t="s">
        <v>164</v>
      </c>
      <c r="D23" s="81">
        <v>42491</v>
      </c>
      <c r="E23" s="35" t="s">
        <v>11</v>
      </c>
      <c r="F23" s="35" t="s">
        <v>31</v>
      </c>
      <c r="G23" s="35" t="s">
        <v>22</v>
      </c>
      <c r="H23" s="35" t="s">
        <v>63</v>
      </c>
      <c r="I23" s="35" t="s">
        <v>116</v>
      </c>
      <c r="J23" s="36" t="s">
        <v>401</v>
      </c>
      <c r="K23" s="36" t="s">
        <v>38</v>
      </c>
      <c r="L23" s="36" t="s">
        <v>402</v>
      </c>
      <c r="M23" s="36" t="s">
        <v>60</v>
      </c>
      <c r="N23" s="108" t="s">
        <v>52</v>
      </c>
    </row>
    <row r="24" spans="2:14" ht="26.1" customHeight="1" x14ac:dyDescent="0.2">
      <c r="B24" s="272" t="s">
        <v>276</v>
      </c>
      <c r="C24" s="273"/>
      <c r="D24" s="273"/>
      <c r="E24" s="273"/>
      <c r="F24" s="273"/>
      <c r="G24" s="273"/>
      <c r="H24" s="273"/>
      <c r="I24" s="273"/>
      <c r="J24" s="273"/>
      <c r="K24" s="273"/>
      <c r="L24" s="273"/>
      <c r="M24" s="273"/>
      <c r="N24" s="274"/>
    </row>
    <row r="25" spans="2:14" ht="145.15" customHeight="1" x14ac:dyDescent="0.2">
      <c r="B25" s="97" t="s">
        <v>276</v>
      </c>
      <c r="C25" s="82" t="s">
        <v>328</v>
      </c>
      <c r="D25" s="47" t="s">
        <v>60</v>
      </c>
      <c r="E25" s="47" t="s">
        <v>45</v>
      </c>
      <c r="F25" s="47" t="s">
        <v>31</v>
      </c>
      <c r="G25" s="29" t="s">
        <v>152</v>
      </c>
      <c r="H25" s="47" t="s">
        <v>256</v>
      </c>
      <c r="I25" s="35" t="s">
        <v>156</v>
      </c>
      <c r="J25" s="31" t="s">
        <v>329</v>
      </c>
      <c r="K25" s="31" t="s">
        <v>84</v>
      </c>
      <c r="L25" s="31" t="s">
        <v>403</v>
      </c>
      <c r="M25" s="50" t="s">
        <v>60</v>
      </c>
      <c r="N25" s="107" t="s">
        <v>330</v>
      </c>
    </row>
    <row r="26" spans="2:14" ht="21.75" customHeight="1" x14ac:dyDescent="0.2">
      <c r="B26" s="272" t="s">
        <v>268</v>
      </c>
      <c r="C26" s="273"/>
      <c r="D26" s="273"/>
      <c r="E26" s="273"/>
      <c r="F26" s="273"/>
      <c r="G26" s="273"/>
      <c r="H26" s="273"/>
      <c r="I26" s="273"/>
      <c r="J26" s="273"/>
      <c r="K26" s="273"/>
      <c r="L26" s="273"/>
      <c r="M26" s="273"/>
      <c r="N26" s="274"/>
    </row>
    <row r="27" spans="2:14" ht="282.60000000000002" customHeight="1" x14ac:dyDescent="0.2">
      <c r="B27" s="97" t="s">
        <v>268</v>
      </c>
      <c r="C27" s="80" t="s">
        <v>270</v>
      </c>
      <c r="D27" s="79">
        <v>45658</v>
      </c>
      <c r="E27" s="29" t="s">
        <v>11</v>
      </c>
      <c r="F27" s="29" t="s">
        <v>31</v>
      </c>
      <c r="G27" s="29" t="s">
        <v>22</v>
      </c>
      <c r="H27" s="29" t="s">
        <v>247</v>
      </c>
      <c r="I27" s="77" t="s">
        <v>61</v>
      </c>
      <c r="J27" s="31" t="s">
        <v>271</v>
      </c>
      <c r="K27" s="31" t="s">
        <v>38</v>
      </c>
      <c r="L27" s="31" t="s">
        <v>333</v>
      </c>
      <c r="M27" s="31" t="s">
        <v>60</v>
      </c>
      <c r="N27" s="109" t="s">
        <v>269</v>
      </c>
    </row>
    <row r="28" spans="2:14" ht="27" customHeight="1" x14ac:dyDescent="0.2">
      <c r="B28" s="265" t="s">
        <v>205</v>
      </c>
      <c r="C28" s="266"/>
      <c r="D28" s="266"/>
      <c r="E28" s="266"/>
      <c r="F28" s="266"/>
      <c r="G28" s="266"/>
      <c r="H28" s="266"/>
      <c r="I28" s="266"/>
      <c r="J28" s="266"/>
      <c r="K28" s="266"/>
      <c r="L28" s="266"/>
      <c r="M28" s="266"/>
      <c r="N28" s="267"/>
    </row>
    <row r="29" spans="2:14" ht="133.15" customHeight="1" x14ac:dyDescent="0.2">
      <c r="B29" s="114" t="s">
        <v>205</v>
      </c>
      <c r="C29" s="82" t="s">
        <v>404</v>
      </c>
      <c r="D29" s="47" t="s">
        <v>60</v>
      </c>
      <c r="E29" s="47" t="s">
        <v>45</v>
      </c>
      <c r="F29" s="47" t="s">
        <v>31</v>
      </c>
      <c r="G29" s="29" t="s">
        <v>152</v>
      </c>
      <c r="H29" s="47" t="s">
        <v>113</v>
      </c>
      <c r="I29" s="35" t="s">
        <v>61</v>
      </c>
      <c r="J29" s="43" t="s">
        <v>558</v>
      </c>
      <c r="K29" s="43" t="s">
        <v>331</v>
      </c>
      <c r="L29" s="43" t="s">
        <v>559</v>
      </c>
      <c r="M29" s="50" t="s">
        <v>60</v>
      </c>
      <c r="N29" s="110" t="s">
        <v>332</v>
      </c>
    </row>
    <row r="30" spans="2:14" ht="23.1" customHeight="1" x14ac:dyDescent="0.2">
      <c r="B30" s="272"/>
      <c r="C30" s="273"/>
      <c r="D30" s="273"/>
      <c r="E30" s="273"/>
      <c r="F30" s="273"/>
      <c r="G30" s="273"/>
      <c r="H30" s="273"/>
      <c r="I30" s="273"/>
      <c r="J30" s="273"/>
      <c r="K30" s="273"/>
      <c r="L30" s="273"/>
      <c r="M30" s="273"/>
      <c r="N30" s="274"/>
    </row>
    <row r="31" spans="2:14" ht="283.5" customHeight="1" x14ac:dyDescent="0.2">
      <c r="B31" s="97" t="s">
        <v>264</v>
      </c>
      <c r="C31" s="80" t="s">
        <v>265</v>
      </c>
      <c r="D31" s="79">
        <v>45352</v>
      </c>
      <c r="E31" s="29" t="s">
        <v>11</v>
      </c>
      <c r="F31" s="29" t="s">
        <v>31</v>
      </c>
      <c r="G31" s="29" t="s">
        <v>22</v>
      </c>
      <c r="H31" s="29" t="s">
        <v>247</v>
      </c>
      <c r="I31" s="77" t="s">
        <v>61</v>
      </c>
      <c r="J31" s="31" t="s">
        <v>500</v>
      </c>
      <c r="K31" s="31" t="s">
        <v>38</v>
      </c>
      <c r="L31" s="31" t="s">
        <v>266</v>
      </c>
      <c r="M31" s="31" t="s">
        <v>60</v>
      </c>
      <c r="N31" s="107" t="s">
        <v>267</v>
      </c>
    </row>
    <row r="32" spans="2:14" ht="18.75" customHeight="1" x14ac:dyDescent="0.2">
      <c r="B32" s="272" t="s">
        <v>53</v>
      </c>
      <c r="C32" s="273"/>
      <c r="D32" s="273"/>
      <c r="E32" s="273"/>
      <c r="F32" s="273"/>
      <c r="G32" s="273"/>
      <c r="H32" s="273"/>
      <c r="I32" s="273"/>
      <c r="J32" s="273"/>
      <c r="K32" s="273"/>
      <c r="L32" s="273"/>
      <c r="M32" s="273"/>
      <c r="N32" s="274"/>
    </row>
    <row r="33" spans="2:14" ht="379.5" customHeight="1" x14ac:dyDescent="0.2">
      <c r="B33" s="97" t="s">
        <v>53</v>
      </c>
      <c r="C33" s="78" t="s">
        <v>165</v>
      </c>
      <c r="D33" s="81">
        <v>41030</v>
      </c>
      <c r="E33" s="35" t="s">
        <v>33</v>
      </c>
      <c r="F33" s="35" t="s">
        <v>31</v>
      </c>
      <c r="G33" s="35" t="s">
        <v>22</v>
      </c>
      <c r="H33" s="35" t="s">
        <v>63</v>
      </c>
      <c r="I33" s="35" t="s">
        <v>156</v>
      </c>
      <c r="J33" s="31" t="s">
        <v>501</v>
      </c>
      <c r="K33" s="36" t="s">
        <v>166</v>
      </c>
      <c r="L33" s="36" t="s">
        <v>167</v>
      </c>
      <c r="M33" s="36" t="s">
        <v>60</v>
      </c>
      <c r="N33" s="108" t="s">
        <v>54</v>
      </c>
    </row>
    <row r="34" spans="2:14" ht="16.5" customHeight="1" x14ac:dyDescent="0.2">
      <c r="B34" s="272" t="s">
        <v>225</v>
      </c>
      <c r="C34" s="273"/>
      <c r="D34" s="273"/>
      <c r="E34" s="273"/>
      <c r="F34" s="273"/>
      <c r="G34" s="273"/>
      <c r="H34" s="273"/>
      <c r="I34" s="273"/>
      <c r="J34" s="273"/>
      <c r="K34" s="273"/>
      <c r="L34" s="273"/>
      <c r="M34" s="273"/>
      <c r="N34" s="274"/>
    </row>
    <row r="35" spans="2:14" ht="256.5" x14ac:dyDescent="0.2">
      <c r="B35" s="97" t="s">
        <v>225</v>
      </c>
      <c r="C35" s="54" t="s">
        <v>226</v>
      </c>
      <c r="D35" s="45" t="s">
        <v>227</v>
      </c>
      <c r="E35" s="35" t="s">
        <v>11</v>
      </c>
      <c r="F35" s="35" t="s">
        <v>31</v>
      </c>
      <c r="G35" s="29" t="s">
        <v>152</v>
      </c>
      <c r="H35" s="35" t="s">
        <v>64</v>
      </c>
      <c r="I35" s="35" t="s">
        <v>156</v>
      </c>
      <c r="J35" s="31" t="s">
        <v>406</v>
      </c>
      <c r="K35" s="31" t="s">
        <v>30</v>
      </c>
      <c r="L35" s="36" t="s">
        <v>407</v>
      </c>
      <c r="M35" s="31" t="s">
        <v>60</v>
      </c>
      <c r="N35" s="108" t="s">
        <v>228</v>
      </c>
    </row>
    <row r="36" spans="2:14" ht="327.75" x14ac:dyDescent="0.2">
      <c r="B36" s="97" t="s">
        <v>225</v>
      </c>
      <c r="C36" s="78" t="s">
        <v>231</v>
      </c>
      <c r="D36" s="45" t="s">
        <v>60</v>
      </c>
      <c r="E36" s="35" t="s">
        <v>45</v>
      </c>
      <c r="F36" s="35" t="s">
        <v>31</v>
      </c>
      <c r="G36" s="29" t="s">
        <v>152</v>
      </c>
      <c r="H36" s="35" t="s">
        <v>230</v>
      </c>
      <c r="I36" s="35" t="s">
        <v>156</v>
      </c>
      <c r="J36" s="36" t="s">
        <v>557</v>
      </c>
      <c r="K36" s="36" t="s">
        <v>233</v>
      </c>
      <c r="L36" s="36" t="s">
        <v>232</v>
      </c>
      <c r="M36" s="31" t="s">
        <v>257</v>
      </c>
      <c r="N36" s="108" t="s">
        <v>408</v>
      </c>
    </row>
    <row r="37" spans="2:14" ht="16.5" customHeight="1" x14ac:dyDescent="0.2">
      <c r="B37" s="272" t="s">
        <v>75</v>
      </c>
      <c r="C37" s="273"/>
      <c r="D37" s="273"/>
      <c r="E37" s="273"/>
      <c r="F37" s="273"/>
      <c r="G37" s="273"/>
      <c r="H37" s="273"/>
      <c r="I37" s="273"/>
      <c r="J37" s="273"/>
      <c r="K37" s="273"/>
      <c r="L37" s="273"/>
      <c r="M37" s="273"/>
      <c r="N37" s="274"/>
    </row>
    <row r="38" spans="2:14" ht="228" x14ac:dyDescent="0.2">
      <c r="B38" s="98" t="s">
        <v>75</v>
      </c>
      <c r="C38" s="111" t="s">
        <v>76</v>
      </c>
      <c r="D38" s="69">
        <v>44896</v>
      </c>
      <c r="E38" s="39" t="s">
        <v>11</v>
      </c>
      <c r="F38" s="39" t="s">
        <v>31</v>
      </c>
      <c r="G38" s="39" t="s">
        <v>22</v>
      </c>
      <c r="H38" s="39" t="s">
        <v>63</v>
      </c>
      <c r="I38" s="39" t="s">
        <v>156</v>
      </c>
      <c r="J38" s="112" t="s">
        <v>410</v>
      </c>
      <c r="K38" s="41" t="s">
        <v>409</v>
      </c>
      <c r="L38" s="41" t="s">
        <v>411</v>
      </c>
      <c r="M38" s="41" t="s">
        <v>60</v>
      </c>
      <c r="N38" s="113" t="s">
        <v>153</v>
      </c>
    </row>
    <row r="39" spans="2:14" ht="14.25" x14ac:dyDescent="0.2">
      <c r="B39" s="28"/>
      <c r="C39" s="28"/>
      <c r="D39" s="28"/>
      <c r="E39" s="28"/>
      <c r="F39" s="28"/>
      <c r="G39" s="28"/>
      <c r="H39" s="28"/>
      <c r="I39" s="28"/>
      <c r="J39" s="28"/>
      <c r="K39" s="28"/>
      <c r="L39" s="28"/>
      <c r="M39" s="28"/>
      <c r="N39" s="28"/>
    </row>
    <row r="40" spans="2:14" ht="14.25" x14ac:dyDescent="0.2">
      <c r="B40" s="28"/>
      <c r="C40" s="28"/>
      <c r="D40" s="28"/>
      <c r="E40" s="28"/>
      <c r="F40" s="28"/>
      <c r="G40" s="28"/>
      <c r="H40" s="28"/>
      <c r="I40" s="28"/>
      <c r="J40" s="28"/>
      <c r="K40" s="28"/>
      <c r="L40" s="28"/>
      <c r="M40" s="28"/>
      <c r="N40" s="28"/>
    </row>
    <row r="41" spans="2:14" x14ac:dyDescent="0.2">
      <c r="C41" s="24"/>
      <c r="D41" s="24"/>
      <c r="E41" s="24"/>
      <c r="F41" s="24"/>
      <c r="G41" s="25"/>
      <c r="H41" s="25"/>
      <c r="I41" s="25"/>
      <c r="M41" s="43"/>
      <c r="N41" s="25"/>
    </row>
    <row r="42" spans="2:14" x14ac:dyDescent="0.2">
      <c r="C42" s="24"/>
      <c r="D42" s="24"/>
      <c r="E42" s="24"/>
      <c r="F42" s="24"/>
      <c r="G42" s="25"/>
      <c r="H42" s="25"/>
      <c r="I42" s="25"/>
      <c r="M42" s="43"/>
      <c r="N42" s="25"/>
    </row>
    <row r="43" spans="2:14" x14ac:dyDescent="0.2">
      <c r="C43" s="24"/>
      <c r="D43" s="24"/>
      <c r="E43" s="24"/>
      <c r="F43" s="24"/>
      <c r="G43" s="25"/>
      <c r="H43" s="25"/>
      <c r="I43" s="25"/>
      <c r="M43" s="43"/>
      <c r="N43" s="25"/>
    </row>
    <row r="44" spans="2:14" x14ac:dyDescent="0.2">
      <c r="C44" s="24"/>
      <c r="D44" s="24"/>
      <c r="E44" s="24"/>
      <c r="F44" s="24"/>
      <c r="G44" s="25"/>
      <c r="H44" s="25"/>
      <c r="I44" s="25"/>
      <c r="M44" s="43"/>
      <c r="N44" s="25"/>
    </row>
    <row r="45" spans="2:14" x14ac:dyDescent="0.2">
      <c r="C45" s="24"/>
      <c r="D45" s="24"/>
      <c r="E45" s="24"/>
      <c r="F45" s="24"/>
      <c r="G45" s="25"/>
      <c r="H45" s="25"/>
      <c r="I45" s="25"/>
      <c r="M45" s="43"/>
      <c r="N45" s="25"/>
    </row>
    <row r="46" spans="2:14" x14ac:dyDescent="0.2">
      <c r="C46" s="24"/>
      <c r="D46" s="24"/>
      <c r="E46" s="24"/>
      <c r="F46" s="24"/>
      <c r="G46" s="25"/>
      <c r="H46" s="25"/>
      <c r="I46" s="25"/>
      <c r="M46" s="43"/>
      <c r="N46" s="25"/>
    </row>
    <row r="47" spans="2:14" x14ac:dyDescent="0.2">
      <c r="C47" s="24"/>
      <c r="D47" s="24"/>
      <c r="E47" s="24"/>
      <c r="F47" s="24"/>
      <c r="G47" s="25"/>
      <c r="H47" s="25"/>
      <c r="I47" s="25"/>
      <c r="M47" s="43"/>
      <c r="N47" s="25"/>
    </row>
    <row r="48" spans="2:14" x14ac:dyDescent="0.2">
      <c r="C48" s="24"/>
      <c r="D48" s="24"/>
      <c r="E48" s="24"/>
      <c r="F48" s="24"/>
      <c r="G48" s="25"/>
      <c r="H48" s="25"/>
      <c r="I48" s="25"/>
      <c r="M48" s="43"/>
      <c r="N48" s="25"/>
    </row>
    <row r="49" spans="3:14" x14ac:dyDescent="0.2">
      <c r="C49" s="24"/>
      <c r="D49" s="24"/>
      <c r="E49" s="24"/>
      <c r="F49" s="24"/>
      <c r="G49" s="25"/>
      <c r="H49" s="25"/>
      <c r="I49" s="25"/>
      <c r="M49" s="43"/>
      <c r="N49" s="25"/>
    </row>
    <row r="50" spans="3:14" x14ac:dyDescent="0.2">
      <c r="C50" s="24"/>
      <c r="D50" s="24"/>
      <c r="E50" s="24"/>
      <c r="F50" s="24"/>
      <c r="G50" s="25"/>
      <c r="H50" s="25"/>
      <c r="I50" s="25"/>
      <c r="M50" s="43"/>
      <c r="N50" s="25"/>
    </row>
    <row r="51" spans="3:14" x14ac:dyDescent="0.2">
      <c r="C51" s="24"/>
      <c r="D51" s="24"/>
      <c r="E51" s="24"/>
      <c r="F51" s="24"/>
      <c r="G51" s="25"/>
      <c r="H51" s="25"/>
      <c r="I51" s="25"/>
      <c r="M51" s="43"/>
      <c r="N51" s="25"/>
    </row>
    <row r="52" spans="3:14" x14ac:dyDescent="0.2">
      <c r="C52" s="24"/>
      <c r="D52" s="24"/>
      <c r="E52" s="24"/>
      <c r="F52" s="24"/>
      <c r="G52" s="25"/>
      <c r="H52" s="25"/>
      <c r="I52" s="25"/>
      <c r="M52" s="43"/>
      <c r="N52" s="25"/>
    </row>
    <row r="53" spans="3:14" x14ac:dyDescent="0.2">
      <c r="C53" s="24"/>
      <c r="D53" s="24"/>
      <c r="E53" s="24"/>
      <c r="F53" s="24"/>
      <c r="G53" s="25"/>
      <c r="H53" s="25"/>
      <c r="I53" s="25"/>
      <c r="M53" s="43"/>
      <c r="N53" s="25"/>
    </row>
    <row r="54" spans="3:14" x14ac:dyDescent="0.2">
      <c r="C54" s="24"/>
      <c r="D54" s="24"/>
      <c r="E54" s="24"/>
      <c r="F54" s="24"/>
      <c r="G54" s="25"/>
      <c r="H54" s="25"/>
      <c r="I54" s="25"/>
      <c r="M54" s="43"/>
      <c r="N54" s="25"/>
    </row>
    <row r="55" spans="3:14" x14ac:dyDescent="0.2">
      <c r="C55" s="24"/>
      <c r="D55" s="24"/>
      <c r="E55" s="24"/>
      <c r="F55" s="24"/>
      <c r="G55" s="25"/>
      <c r="H55" s="25"/>
      <c r="I55" s="25"/>
      <c r="M55" s="43"/>
      <c r="N55" s="25"/>
    </row>
    <row r="56" spans="3:14" x14ac:dyDescent="0.2">
      <c r="C56" s="24"/>
      <c r="D56" s="24"/>
      <c r="E56" s="24"/>
      <c r="F56" s="24"/>
      <c r="G56" s="25"/>
      <c r="H56" s="25"/>
      <c r="I56" s="25"/>
      <c r="M56" s="43"/>
      <c r="N56" s="25"/>
    </row>
    <row r="57" spans="3:14" x14ac:dyDescent="0.2">
      <c r="C57" s="24"/>
      <c r="D57" s="24"/>
      <c r="E57" s="24"/>
      <c r="F57" s="24"/>
      <c r="G57" s="25"/>
      <c r="H57" s="25"/>
      <c r="I57" s="25"/>
      <c r="M57" s="43"/>
      <c r="N57" s="25"/>
    </row>
    <row r="58" spans="3:14" x14ac:dyDescent="0.2">
      <c r="C58" s="24"/>
      <c r="D58" s="24"/>
      <c r="E58" s="24"/>
      <c r="F58" s="24"/>
      <c r="G58" s="25"/>
      <c r="H58" s="25"/>
      <c r="I58" s="25"/>
      <c r="M58" s="43"/>
      <c r="N58" s="25"/>
    </row>
    <row r="59" spans="3:14" x14ac:dyDescent="0.2">
      <c r="C59" s="24"/>
      <c r="D59" s="24"/>
      <c r="E59" s="24"/>
      <c r="F59" s="24"/>
      <c r="G59" s="25"/>
      <c r="H59" s="25"/>
      <c r="I59" s="25"/>
      <c r="M59" s="43"/>
      <c r="N59" s="25"/>
    </row>
    <row r="60" spans="3:14" x14ac:dyDescent="0.2">
      <c r="C60" s="24"/>
      <c r="D60" s="24"/>
      <c r="E60" s="24"/>
      <c r="F60" s="24"/>
      <c r="G60" s="25"/>
      <c r="H60" s="25"/>
      <c r="I60" s="25"/>
      <c r="M60" s="43"/>
      <c r="N60" s="25"/>
    </row>
    <row r="61" spans="3:14" x14ac:dyDescent="0.2">
      <c r="C61" s="24"/>
      <c r="D61" s="24"/>
      <c r="E61" s="24"/>
      <c r="F61" s="24"/>
      <c r="G61" s="25"/>
      <c r="H61" s="25"/>
      <c r="I61" s="25"/>
      <c r="M61" s="43"/>
      <c r="N61" s="25"/>
    </row>
    <row r="62" spans="3:14" x14ac:dyDescent="0.2">
      <c r="C62" s="24"/>
      <c r="D62" s="24"/>
      <c r="E62" s="24"/>
      <c r="F62" s="24"/>
      <c r="G62" s="25"/>
      <c r="H62" s="25"/>
      <c r="I62" s="25"/>
      <c r="M62" s="43"/>
      <c r="N62" s="25"/>
    </row>
    <row r="63" spans="3:14" x14ac:dyDescent="0.2">
      <c r="C63" s="24"/>
      <c r="D63" s="24"/>
      <c r="E63" s="24"/>
      <c r="F63" s="24"/>
      <c r="G63" s="25"/>
      <c r="H63" s="25"/>
      <c r="I63" s="25"/>
      <c r="M63" s="43"/>
      <c r="N63" s="25"/>
    </row>
    <row r="64" spans="3:14" x14ac:dyDescent="0.2">
      <c r="C64" s="24"/>
      <c r="D64" s="24"/>
      <c r="E64" s="24"/>
      <c r="F64" s="24"/>
      <c r="G64" s="25"/>
      <c r="H64" s="25"/>
      <c r="I64" s="25"/>
      <c r="M64" s="43"/>
      <c r="N64" s="25"/>
    </row>
    <row r="65" spans="3:14" x14ac:dyDescent="0.2">
      <c r="C65" s="24"/>
      <c r="D65" s="24"/>
      <c r="E65" s="24"/>
      <c r="F65" s="24"/>
      <c r="G65" s="25"/>
      <c r="H65" s="25"/>
      <c r="I65" s="25"/>
      <c r="M65" s="43"/>
      <c r="N65" s="25"/>
    </row>
    <row r="66" spans="3:14" x14ac:dyDescent="0.2">
      <c r="C66" s="24"/>
      <c r="D66" s="24"/>
      <c r="E66" s="24"/>
      <c r="F66" s="24"/>
      <c r="G66" s="25"/>
      <c r="H66" s="25"/>
      <c r="I66" s="25"/>
      <c r="M66" s="43"/>
      <c r="N66" s="25"/>
    </row>
    <row r="67" spans="3:14" x14ac:dyDescent="0.2">
      <c r="C67" s="24"/>
      <c r="D67" s="24"/>
      <c r="E67" s="24"/>
      <c r="F67" s="24"/>
      <c r="G67" s="25"/>
      <c r="H67" s="25"/>
      <c r="I67" s="25"/>
      <c r="M67" s="43"/>
      <c r="N67" s="25"/>
    </row>
    <row r="68" spans="3:14" x14ac:dyDescent="0.2">
      <c r="C68" s="24"/>
      <c r="D68" s="24"/>
      <c r="E68" s="24"/>
      <c r="F68" s="24"/>
      <c r="G68" s="25"/>
      <c r="H68" s="25"/>
      <c r="I68" s="25"/>
      <c r="M68" s="43"/>
      <c r="N68" s="25"/>
    </row>
    <row r="69" spans="3:14" x14ac:dyDescent="0.2">
      <c r="C69" s="24"/>
      <c r="D69" s="24"/>
      <c r="E69" s="24"/>
      <c r="F69" s="24"/>
      <c r="G69" s="25"/>
      <c r="H69" s="25"/>
      <c r="I69" s="25"/>
      <c r="M69" s="43"/>
      <c r="N69" s="25"/>
    </row>
    <row r="70" spans="3:14" x14ac:dyDescent="0.2">
      <c r="C70" s="24"/>
      <c r="D70" s="24"/>
      <c r="E70" s="24"/>
      <c r="F70" s="24"/>
      <c r="G70" s="25"/>
      <c r="H70" s="25"/>
      <c r="I70" s="25"/>
      <c r="M70" s="43"/>
      <c r="N70" s="25"/>
    </row>
    <row r="71" spans="3:14" x14ac:dyDescent="0.2">
      <c r="C71" s="24"/>
      <c r="D71" s="24"/>
      <c r="E71" s="24"/>
      <c r="F71" s="24"/>
      <c r="G71" s="25"/>
      <c r="H71" s="25"/>
      <c r="I71" s="25"/>
      <c r="M71" s="43"/>
      <c r="N71" s="25"/>
    </row>
    <row r="72" spans="3:14" x14ac:dyDescent="0.2">
      <c r="C72" s="24"/>
      <c r="D72" s="24"/>
      <c r="E72" s="24"/>
      <c r="F72" s="24"/>
      <c r="G72" s="25"/>
      <c r="H72" s="25"/>
      <c r="I72" s="25"/>
      <c r="M72" s="43"/>
      <c r="N72" s="25"/>
    </row>
    <row r="73" spans="3:14" x14ac:dyDescent="0.2">
      <c r="C73" s="24"/>
      <c r="D73" s="24"/>
      <c r="E73" s="24"/>
      <c r="F73" s="24"/>
      <c r="G73" s="25"/>
      <c r="H73" s="25"/>
      <c r="I73" s="25"/>
      <c r="M73" s="43"/>
      <c r="N73" s="25"/>
    </row>
    <row r="74" spans="3:14" x14ac:dyDescent="0.2">
      <c r="C74" s="24"/>
      <c r="D74" s="24"/>
      <c r="E74" s="24"/>
      <c r="F74" s="24"/>
      <c r="G74" s="25"/>
      <c r="H74" s="25"/>
      <c r="I74" s="25"/>
      <c r="M74" s="43"/>
      <c r="N74" s="25"/>
    </row>
    <row r="75" spans="3:14" x14ac:dyDescent="0.2">
      <c r="C75" s="24"/>
      <c r="D75" s="24"/>
      <c r="E75" s="24"/>
      <c r="F75" s="24"/>
      <c r="G75" s="25"/>
      <c r="H75" s="25"/>
      <c r="I75" s="25"/>
      <c r="M75" s="43"/>
      <c r="N75" s="25"/>
    </row>
    <row r="76" spans="3:14" x14ac:dyDescent="0.2">
      <c r="C76" s="24"/>
      <c r="D76" s="24"/>
      <c r="E76" s="24"/>
      <c r="F76" s="24"/>
      <c r="G76" s="25"/>
      <c r="H76" s="25"/>
      <c r="I76" s="25"/>
      <c r="M76" s="43"/>
      <c r="N76" s="25"/>
    </row>
    <row r="77" spans="3:14" x14ac:dyDescent="0.2">
      <c r="C77" s="24"/>
      <c r="D77" s="24"/>
      <c r="E77" s="24"/>
      <c r="F77" s="24"/>
      <c r="G77" s="25"/>
      <c r="H77" s="25"/>
      <c r="I77" s="25"/>
      <c r="M77" s="43"/>
      <c r="N77" s="25"/>
    </row>
    <row r="78" spans="3:14" x14ac:dyDescent="0.2">
      <c r="C78" s="24"/>
      <c r="D78" s="24"/>
      <c r="E78" s="24"/>
      <c r="F78" s="24"/>
      <c r="G78" s="25"/>
      <c r="H78" s="25"/>
      <c r="I78" s="25"/>
      <c r="M78" s="43"/>
      <c r="N78" s="25"/>
    </row>
    <row r="79" spans="3:14" x14ac:dyDescent="0.2">
      <c r="C79" s="24"/>
      <c r="D79" s="24"/>
      <c r="E79" s="24"/>
      <c r="F79" s="24"/>
      <c r="G79" s="25"/>
      <c r="H79" s="25"/>
      <c r="I79" s="25"/>
      <c r="M79" s="43"/>
      <c r="N79" s="25"/>
    </row>
    <row r="80" spans="3:14" x14ac:dyDescent="0.2">
      <c r="C80" s="24"/>
      <c r="D80" s="24"/>
      <c r="E80" s="24"/>
      <c r="F80" s="24"/>
      <c r="G80" s="25"/>
      <c r="H80" s="25"/>
      <c r="I80" s="25"/>
      <c r="M80" s="43"/>
      <c r="N80" s="25"/>
    </row>
    <row r="81" spans="3:14" x14ac:dyDescent="0.2">
      <c r="C81" s="24"/>
      <c r="D81" s="24"/>
      <c r="E81" s="24"/>
      <c r="F81" s="24"/>
      <c r="G81" s="25"/>
      <c r="H81" s="25"/>
      <c r="I81" s="25"/>
      <c r="M81" s="43"/>
      <c r="N81" s="25"/>
    </row>
    <row r="82" spans="3:14" x14ac:dyDescent="0.2">
      <c r="C82" s="24"/>
      <c r="D82" s="24"/>
      <c r="E82" s="24"/>
      <c r="F82" s="24"/>
      <c r="G82" s="25"/>
      <c r="H82" s="25"/>
      <c r="I82" s="25"/>
      <c r="M82" s="43"/>
      <c r="N82" s="25"/>
    </row>
    <row r="83" spans="3:14" x14ac:dyDescent="0.2">
      <c r="C83" s="24"/>
      <c r="D83" s="24"/>
      <c r="E83" s="24"/>
      <c r="F83" s="24"/>
      <c r="G83" s="25"/>
      <c r="H83" s="25"/>
      <c r="I83" s="25"/>
      <c r="M83" s="43"/>
      <c r="N83" s="25"/>
    </row>
    <row r="84" spans="3:14" x14ac:dyDescent="0.2">
      <c r="C84" s="24"/>
      <c r="D84" s="24"/>
      <c r="E84" s="24"/>
      <c r="F84" s="24"/>
      <c r="G84" s="25"/>
      <c r="H84" s="25"/>
      <c r="I84" s="25"/>
      <c r="M84" s="43"/>
      <c r="N84" s="25"/>
    </row>
    <row r="85" spans="3:14" x14ac:dyDescent="0.2">
      <c r="C85" s="24"/>
      <c r="D85" s="24"/>
      <c r="E85" s="24"/>
      <c r="F85" s="24"/>
      <c r="G85" s="25"/>
      <c r="H85" s="25"/>
      <c r="I85" s="25"/>
      <c r="M85" s="43"/>
      <c r="N85" s="25"/>
    </row>
    <row r="86" spans="3:14" x14ac:dyDescent="0.2">
      <c r="C86" s="24"/>
      <c r="D86" s="24"/>
      <c r="E86" s="24"/>
      <c r="F86" s="24"/>
      <c r="G86" s="25"/>
      <c r="H86" s="25"/>
      <c r="I86" s="25"/>
      <c r="M86" s="43"/>
      <c r="N86" s="25"/>
    </row>
    <row r="87" spans="3:14" x14ac:dyDescent="0.2">
      <c r="C87" s="24"/>
      <c r="D87" s="24"/>
      <c r="E87" s="24"/>
      <c r="F87" s="24"/>
      <c r="G87" s="25"/>
      <c r="H87" s="25"/>
      <c r="I87" s="25"/>
      <c r="M87" s="43"/>
      <c r="N87" s="25"/>
    </row>
    <row r="88" spans="3:14" x14ac:dyDescent="0.2">
      <c r="C88" s="24"/>
      <c r="D88" s="24"/>
      <c r="E88" s="24"/>
      <c r="F88" s="24"/>
      <c r="G88" s="25"/>
      <c r="H88" s="25"/>
      <c r="I88" s="25"/>
      <c r="M88" s="43"/>
      <c r="N88" s="25"/>
    </row>
    <row r="89" spans="3:14" x14ac:dyDescent="0.2">
      <c r="C89" s="24"/>
      <c r="D89" s="24"/>
      <c r="E89" s="24"/>
      <c r="F89" s="24"/>
      <c r="G89" s="25"/>
      <c r="H89" s="25"/>
      <c r="I89" s="25"/>
      <c r="M89" s="43"/>
      <c r="N89" s="25"/>
    </row>
    <row r="90" spans="3:14" x14ac:dyDescent="0.2">
      <c r="C90" s="24"/>
      <c r="D90" s="24"/>
      <c r="E90" s="24"/>
      <c r="F90" s="24"/>
      <c r="G90" s="25"/>
      <c r="H90" s="25"/>
      <c r="I90" s="25"/>
      <c r="M90" s="43"/>
      <c r="N90" s="25"/>
    </row>
    <row r="91" spans="3:14" x14ac:dyDescent="0.2">
      <c r="C91" s="24"/>
      <c r="D91" s="24"/>
      <c r="E91" s="24"/>
      <c r="F91" s="24"/>
      <c r="G91" s="25"/>
      <c r="H91" s="25"/>
      <c r="I91" s="25"/>
      <c r="M91" s="43"/>
      <c r="N91" s="25"/>
    </row>
    <row r="92" spans="3:14" x14ac:dyDescent="0.2">
      <c r="C92" s="24"/>
      <c r="D92" s="24"/>
      <c r="E92" s="24"/>
      <c r="F92" s="24"/>
      <c r="G92" s="25"/>
      <c r="H92" s="25"/>
      <c r="I92" s="25"/>
      <c r="M92" s="43"/>
      <c r="N92" s="25"/>
    </row>
    <row r="93" spans="3:14" x14ac:dyDescent="0.2">
      <c r="C93" s="24"/>
      <c r="D93" s="24"/>
      <c r="E93" s="24"/>
      <c r="F93" s="24"/>
      <c r="G93" s="25"/>
      <c r="H93" s="25"/>
      <c r="I93" s="25"/>
      <c r="M93" s="43"/>
      <c r="N93" s="25"/>
    </row>
    <row r="94" spans="3:14" x14ac:dyDescent="0.2">
      <c r="C94" s="24"/>
      <c r="D94" s="24"/>
      <c r="E94" s="24"/>
      <c r="F94" s="24"/>
      <c r="G94" s="25"/>
      <c r="H94" s="25"/>
      <c r="I94" s="25"/>
      <c r="M94" s="43"/>
      <c r="N94" s="25"/>
    </row>
    <row r="95" spans="3:14" x14ac:dyDescent="0.2">
      <c r="C95" s="24"/>
      <c r="D95" s="24"/>
      <c r="E95" s="24"/>
      <c r="F95" s="24"/>
      <c r="G95" s="25"/>
      <c r="H95" s="25"/>
      <c r="I95" s="25"/>
      <c r="M95" s="43"/>
      <c r="N95" s="25"/>
    </row>
    <row r="96" spans="3:14" x14ac:dyDescent="0.2">
      <c r="C96" s="24"/>
      <c r="D96" s="24"/>
      <c r="E96" s="24"/>
      <c r="F96" s="24"/>
      <c r="G96" s="25"/>
      <c r="H96" s="25"/>
      <c r="I96" s="25"/>
      <c r="M96" s="43"/>
      <c r="N96" s="25"/>
    </row>
    <row r="97" spans="3:14" x14ac:dyDescent="0.2">
      <c r="C97" s="24"/>
      <c r="D97" s="24"/>
      <c r="E97" s="24"/>
      <c r="F97" s="24"/>
      <c r="G97" s="25"/>
      <c r="H97" s="25"/>
      <c r="I97" s="25"/>
      <c r="M97" s="43"/>
      <c r="N97" s="25"/>
    </row>
    <row r="98" spans="3:14" x14ac:dyDescent="0.2">
      <c r="C98" s="24"/>
      <c r="D98" s="24"/>
      <c r="E98" s="24"/>
      <c r="F98" s="24"/>
      <c r="G98" s="25"/>
      <c r="H98" s="25"/>
      <c r="I98" s="25"/>
      <c r="M98" s="43"/>
      <c r="N98" s="25"/>
    </row>
    <row r="99" spans="3:14" x14ac:dyDescent="0.2">
      <c r="C99" s="24"/>
      <c r="D99" s="24"/>
      <c r="E99" s="24"/>
      <c r="F99" s="24"/>
      <c r="G99" s="25"/>
      <c r="H99" s="25"/>
      <c r="I99" s="25"/>
      <c r="M99" s="43"/>
      <c r="N99" s="25"/>
    </row>
    <row r="100" spans="3:14" x14ac:dyDescent="0.2">
      <c r="C100" s="24"/>
      <c r="D100" s="24"/>
      <c r="E100" s="24"/>
      <c r="F100" s="24"/>
      <c r="G100" s="25"/>
      <c r="H100" s="25"/>
      <c r="I100" s="25"/>
      <c r="M100" s="43"/>
      <c r="N100" s="25"/>
    </row>
    <row r="101" spans="3:14" x14ac:dyDescent="0.2">
      <c r="C101" s="24"/>
      <c r="D101" s="24"/>
      <c r="E101" s="24"/>
      <c r="F101" s="24"/>
      <c r="G101" s="25"/>
      <c r="H101" s="25"/>
      <c r="I101" s="25"/>
      <c r="M101" s="43"/>
      <c r="N101" s="25"/>
    </row>
    <row r="102" spans="3:14" x14ac:dyDescent="0.2">
      <c r="C102" s="24"/>
      <c r="D102" s="24"/>
      <c r="E102" s="24"/>
      <c r="F102" s="24"/>
      <c r="G102" s="25"/>
      <c r="H102" s="25"/>
      <c r="I102" s="25"/>
      <c r="M102" s="43"/>
      <c r="N102" s="25"/>
    </row>
    <row r="103" spans="3:14" x14ac:dyDescent="0.2">
      <c r="C103" s="24"/>
      <c r="D103" s="24"/>
      <c r="E103" s="24"/>
      <c r="F103" s="24"/>
      <c r="G103" s="25"/>
      <c r="H103" s="25"/>
      <c r="I103" s="25"/>
      <c r="M103" s="43"/>
      <c r="N103" s="25"/>
    </row>
    <row r="104" spans="3:14" x14ac:dyDescent="0.2">
      <c r="C104" s="24"/>
      <c r="D104" s="24"/>
      <c r="E104" s="24"/>
      <c r="F104" s="24"/>
      <c r="G104" s="25"/>
      <c r="H104" s="25"/>
      <c r="I104" s="25"/>
      <c r="M104" s="43"/>
      <c r="N104" s="25"/>
    </row>
    <row r="105" spans="3:14" x14ac:dyDescent="0.2">
      <c r="C105" s="24"/>
      <c r="D105" s="24"/>
      <c r="E105" s="24"/>
      <c r="F105" s="24"/>
      <c r="G105" s="25"/>
      <c r="H105" s="25"/>
      <c r="I105" s="25"/>
      <c r="M105" s="43"/>
      <c r="N105" s="25"/>
    </row>
    <row r="106" spans="3:14" x14ac:dyDescent="0.2">
      <c r="C106" s="24"/>
      <c r="D106" s="24"/>
      <c r="E106" s="24"/>
      <c r="F106" s="24"/>
      <c r="G106" s="25"/>
      <c r="H106" s="25"/>
      <c r="I106" s="25"/>
      <c r="M106" s="43"/>
      <c r="N106" s="25"/>
    </row>
    <row r="107" spans="3:14" x14ac:dyDescent="0.2">
      <c r="C107" s="24"/>
      <c r="D107" s="24"/>
      <c r="E107" s="24"/>
      <c r="F107" s="24"/>
      <c r="G107" s="25"/>
      <c r="H107" s="25"/>
      <c r="I107" s="25"/>
      <c r="M107" s="43"/>
      <c r="N107" s="25"/>
    </row>
    <row r="108" spans="3:14" x14ac:dyDescent="0.2">
      <c r="C108" s="24"/>
      <c r="D108" s="24"/>
      <c r="E108" s="24"/>
      <c r="F108" s="24"/>
      <c r="G108" s="25"/>
      <c r="H108" s="25"/>
      <c r="I108" s="25"/>
      <c r="M108" s="43"/>
      <c r="N108" s="25"/>
    </row>
    <row r="109" spans="3:14" x14ac:dyDescent="0.2">
      <c r="C109" s="24"/>
      <c r="D109" s="24"/>
      <c r="E109" s="24"/>
      <c r="F109" s="24"/>
      <c r="G109" s="25"/>
      <c r="H109" s="25"/>
      <c r="I109" s="25"/>
      <c r="M109" s="43"/>
      <c r="N109" s="25"/>
    </row>
    <row r="110" spans="3:14" x14ac:dyDescent="0.2">
      <c r="C110" s="24"/>
      <c r="D110" s="24"/>
      <c r="E110" s="24"/>
      <c r="F110" s="24"/>
      <c r="G110" s="25"/>
      <c r="H110" s="25"/>
      <c r="I110" s="25"/>
      <c r="M110" s="43"/>
      <c r="N110" s="25"/>
    </row>
    <row r="111" spans="3:14" x14ac:dyDescent="0.2">
      <c r="C111" s="24"/>
      <c r="D111" s="24"/>
      <c r="E111" s="24"/>
      <c r="F111" s="24"/>
      <c r="G111" s="25"/>
      <c r="H111" s="25"/>
      <c r="I111" s="25"/>
      <c r="M111" s="43"/>
      <c r="N111" s="25"/>
    </row>
    <row r="112" spans="3:14" x14ac:dyDescent="0.2">
      <c r="C112" s="24"/>
      <c r="D112" s="24"/>
      <c r="E112" s="24"/>
      <c r="F112" s="24"/>
      <c r="G112" s="25"/>
      <c r="H112" s="25"/>
      <c r="I112" s="25"/>
      <c r="M112" s="43"/>
      <c r="N112" s="25"/>
    </row>
    <row r="113" spans="3:14" x14ac:dyDescent="0.2">
      <c r="C113" s="24"/>
      <c r="D113" s="24"/>
      <c r="E113" s="24"/>
      <c r="F113" s="24"/>
      <c r="G113" s="25"/>
      <c r="H113" s="25"/>
      <c r="I113" s="25"/>
      <c r="M113" s="43"/>
      <c r="N113" s="25"/>
    </row>
    <row r="114" spans="3:14" x14ac:dyDescent="0.2">
      <c r="C114" s="24"/>
      <c r="D114" s="24"/>
      <c r="E114" s="24"/>
      <c r="F114" s="24"/>
      <c r="G114" s="25"/>
      <c r="H114" s="25"/>
      <c r="I114" s="25"/>
      <c r="M114" s="43"/>
      <c r="N114" s="25"/>
    </row>
    <row r="115" spans="3:14" x14ac:dyDescent="0.2">
      <c r="C115" s="24"/>
      <c r="D115" s="24"/>
      <c r="E115" s="24"/>
      <c r="F115" s="24"/>
      <c r="G115" s="25"/>
      <c r="H115" s="25"/>
      <c r="I115" s="25"/>
      <c r="M115" s="43"/>
      <c r="N115" s="25"/>
    </row>
    <row r="116" spans="3:14" x14ac:dyDescent="0.2">
      <c r="C116" s="24"/>
      <c r="D116" s="24"/>
      <c r="E116" s="24"/>
      <c r="F116" s="24"/>
      <c r="G116" s="25"/>
      <c r="H116" s="25"/>
      <c r="I116" s="25"/>
      <c r="M116" s="43"/>
      <c r="N116" s="25"/>
    </row>
    <row r="117" spans="3:14" x14ac:dyDescent="0.2">
      <c r="C117" s="24"/>
      <c r="D117" s="24"/>
      <c r="E117" s="24"/>
      <c r="F117" s="24"/>
      <c r="G117" s="25"/>
      <c r="H117" s="25"/>
      <c r="I117" s="25"/>
      <c r="M117" s="43"/>
      <c r="N117" s="25"/>
    </row>
    <row r="118" spans="3:14" x14ac:dyDescent="0.2">
      <c r="C118" s="24"/>
      <c r="D118" s="24"/>
      <c r="E118" s="24"/>
      <c r="F118" s="24"/>
      <c r="G118" s="25"/>
      <c r="H118" s="25"/>
      <c r="I118" s="25"/>
      <c r="M118" s="43"/>
      <c r="N118" s="25"/>
    </row>
    <row r="119" spans="3:14" x14ac:dyDescent="0.2">
      <c r="C119" s="24"/>
      <c r="D119" s="24"/>
      <c r="E119" s="24"/>
      <c r="F119" s="24"/>
      <c r="G119" s="25"/>
      <c r="H119" s="25"/>
      <c r="I119" s="25"/>
      <c r="M119" s="43"/>
      <c r="N119" s="25"/>
    </row>
    <row r="120" spans="3:14" x14ac:dyDescent="0.2">
      <c r="C120" s="24"/>
      <c r="D120" s="24"/>
      <c r="E120" s="24"/>
      <c r="F120" s="24"/>
      <c r="G120" s="25"/>
      <c r="H120" s="25"/>
      <c r="I120" s="25"/>
      <c r="M120" s="43"/>
      <c r="N120" s="25"/>
    </row>
    <row r="121" spans="3:14" x14ac:dyDescent="0.2">
      <c r="C121" s="24"/>
      <c r="D121" s="24"/>
      <c r="E121" s="24"/>
      <c r="F121" s="24"/>
      <c r="G121" s="25"/>
      <c r="H121" s="25"/>
      <c r="I121" s="25"/>
      <c r="M121" s="43"/>
      <c r="N121" s="25"/>
    </row>
    <row r="122" spans="3:14" x14ac:dyDescent="0.2">
      <c r="C122" s="24"/>
      <c r="D122" s="24"/>
      <c r="E122" s="24"/>
      <c r="F122" s="24"/>
      <c r="G122" s="25"/>
      <c r="H122" s="25"/>
      <c r="I122" s="25"/>
      <c r="M122" s="43"/>
      <c r="N122" s="25"/>
    </row>
    <row r="123" spans="3:14" x14ac:dyDescent="0.2">
      <c r="C123" s="24"/>
      <c r="D123" s="24"/>
      <c r="E123" s="24"/>
      <c r="F123" s="24"/>
      <c r="G123" s="25"/>
      <c r="H123" s="25"/>
      <c r="I123" s="25"/>
      <c r="M123" s="43"/>
      <c r="N123" s="25"/>
    </row>
    <row r="124" spans="3:14" x14ac:dyDescent="0.2">
      <c r="C124" s="24"/>
      <c r="D124" s="24"/>
      <c r="E124" s="24"/>
      <c r="F124" s="24"/>
      <c r="G124" s="25"/>
      <c r="H124" s="25"/>
      <c r="I124" s="25"/>
      <c r="M124" s="43"/>
      <c r="N124" s="25"/>
    </row>
    <row r="125" spans="3:14" x14ac:dyDescent="0.2">
      <c r="C125" s="24"/>
      <c r="D125" s="24"/>
      <c r="E125" s="24"/>
      <c r="F125" s="24"/>
      <c r="G125" s="25"/>
      <c r="H125" s="25"/>
      <c r="I125" s="25"/>
      <c r="M125" s="43"/>
      <c r="N125" s="25"/>
    </row>
    <row r="126" spans="3:14" x14ac:dyDescent="0.2">
      <c r="C126" s="24"/>
      <c r="D126" s="24"/>
      <c r="E126" s="24"/>
      <c r="F126" s="24"/>
      <c r="G126" s="25"/>
      <c r="H126" s="25"/>
      <c r="I126" s="25"/>
      <c r="M126" s="43"/>
      <c r="N126" s="25"/>
    </row>
    <row r="127" spans="3:14" x14ac:dyDescent="0.2">
      <c r="C127" s="24"/>
      <c r="D127" s="24"/>
      <c r="E127" s="24"/>
      <c r="F127" s="24"/>
      <c r="G127" s="25"/>
      <c r="H127" s="25"/>
      <c r="I127" s="25"/>
      <c r="M127" s="43"/>
      <c r="N127" s="25"/>
    </row>
    <row r="128" spans="3:14" x14ac:dyDescent="0.2">
      <c r="C128" s="24"/>
      <c r="D128" s="24"/>
      <c r="E128" s="24"/>
      <c r="F128" s="24"/>
      <c r="G128" s="25"/>
      <c r="H128" s="25"/>
      <c r="I128" s="25"/>
      <c r="M128" s="43"/>
      <c r="N128" s="25"/>
    </row>
  </sheetData>
  <autoFilter ref="B6:L38" xr:uid="{B50DFCEA-9056-4364-B33B-7841E8D195B9}"/>
  <mergeCells count="13">
    <mergeCell ref="B32:N32"/>
    <mergeCell ref="B30:N30"/>
    <mergeCell ref="B26:N26"/>
    <mergeCell ref="B24:N24"/>
    <mergeCell ref="B37:N37"/>
    <mergeCell ref="B34:N34"/>
    <mergeCell ref="B28:N28"/>
    <mergeCell ref="B15:N15"/>
    <mergeCell ref="B12:N12"/>
    <mergeCell ref="B7:N7"/>
    <mergeCell ref="B21:N21"/>
    <mergeCell ref="C1:N5"/>
    <mergeCell ref="B1:B5"/>
  </mergeCells>
  <dataValidations count="1">
    <dataValidation type="list" allowBlank="1" showInputMessage="1" showErrorMessage="1" sqref="G13:G14 G35:G36 G33 G29:G31 G11 G27 G22:G25 G16:G20" xr:uid="{3CDE1885-5496-4F1E-A191-E275BF13B3F8}">
      <formula1>"Social, Environment"</formula1>
    </dataValidation>
  </dataValidations>
  <hyperlinks>
    <hyperlink ref="N13" r:id="rId1" display="https://www.sebi.gov.in/legal/regulations/jul-2024/securities-and-exchange-board-of-india-listing-obligations-and-disclosure-requirements-regulations-2015-last-amended-on-july-10-2024-_84817.html" xr:uid="{832F8E37-08D5-475B-967F-0EE4C9DF67D5}"/>
    <hyperlink ref="N14" r:id="rId2" xr:uid="{147B67F6-2C7F-4DAA-BE01-F552CC0F1C60}"/>
    <hyperlink ref="N17" r:id="rId3" display="https://www.komnasham.go.id/files/20180214-national-action-plan-on-bussiness-$0PU5O0.pdf" xr:uid="{FF62CB4A-75C5-4161-BE59-B2515592FB2D}"/>
    <hyperlink ref="N23" r:id="rId4" display="https://www.rinya.maff.go.jp/j/riyou/goho/english/attach/pdf/english-index-3.pdf" xr:uid="{DAC0DC90-082B-49FB-AB8B-46ECBB06F405}"/>
    <hyperlink ref="N16" r:id="rId5" display="https://jdih.kemendag.go.id/depan/js/pdfjs/web/viewer.html?file=https://jdih.kemendag.go.id/backendx/image/regulasi/25000717_PERMENDAG_No._84_TAHUN_2016.pdf" xr:uid="{68F82E4F-F3C3-43CF-917E-2B99B2A82998}"/>
    <hyperlink ref="N19" r:id="rId6" display="https://www.fao.org/faolex/results/details/en/c/LEX-FAOC213622" xr:uid="{C371CC3F-C627-4C7E-B6E1-5015AD40DEEA}"/>
    <hyperlink ref="N38" r:id="rId7" xr:uid="{EC3A7431-D3F2-4F80-9024-1EF9C8EF666D}"/>
    <hyperlink ref="N9" r:id="rId8" xr:uid="{7E0D2551-B8C5-48F2-966C-E61BADE54357}"/>
    <hyperlink ref="N10" r:id="rId9" xr:uid="{1635C7D6-2CB8-494D-925A-E79610F38AD4}"/>
    <hyperlink ref="N35" r:id="rId10" xr:uid="{92B3BA86-3BDC-4B38-A639-7471D4040C6F}"/>
    <hyperlink ref="N18" r:id="rId11" xr:uid="{487E9130-B1E4-401B-8D45-43DDEFF49769}"/>
    <hyperlink ref="N8" r:id="rId12" xr:uid="{4EAD7179-434E-442A-BECC-A798D7C0B720}"/>
    <hyperlink ref="N11" r:id="rId13" display="https://www.fstb.gov.hk/fsb/en/publication/report/docs/FSTB_Roadmap2024_eBooklet_EN.pdf" xr:uid="{A5F8E825-34AB-49D7-BB00-55348D0628FE}"/>
    <hyperlink ref="N33" r:id="rId14" display="https://faolex.fao.org/docs/pdf/kor136715.pdf" xr:uid="{928CBE22-A385-4061-9D25-4985BAF9E4E1}"/>
    <hyperlink ref="N31" r:id="rId15" xr:uid="{8CC26347-F77E-4341-84D1-BFF1D667DC4A}"/>
    <hyperlink ref="N27" r:id="rId16" display="https://www.secp.gov.pk/wp-content/uploads/2025/01/Press-release-on-Jan-1.pdf" xr:uid="{50FB2815-BB6D-4C3D-BBED-CA7D317D4790}"/>
    <hyperlink ref="N22" r:id="rId17" xr:uid="{67F673EF-B680-49E1-A782-2F0CB9313BC1}"/>
    <hyperlink ref="N25" r:id="rId18" display="https://www.bursamalaysia.com/sites/5bb54be15f36ca0af339077a/assets/66f25b70e6414a5df5455a77/CP_Consolidated_Proposed_Amendments__FINAL_.pdf" xr:uid="{F0C77C73-0B4F-4DEC-87EF-0335BA26EE2C}"/>
    <hyperlink ref="N29" r:id="rId19" display="https://www.sec.gov.ph/wp-content/uploads/2023/10/2023RFC_SuRe-Guidelines.pdf" xr:uid="{D36B5E5D-38AE-4F06-BDCD-1CC5A3ECF2AA}"/>
    <hyperlink ref="N20" r:id="rId20" location="gsc.tab=0" xr:uid="{7ECD15EB-79A0-4569-9B3E-6C4ED23367A1}"/>
  </hyperlinks>
  <pageMargins left="0.7" right="0.7" top="0.75" bottom="0.75" header="0.3" footer="0.3"/>
  <pageSetup scale="52" fitToHeight="0" orientation="landscape" r:id="rId21"/>
  <drawing r:id="rId22"/>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9C00DDB-B4E6-47A9-9A59-351D328EA9A9}">
  <sheetPr>
    <pageSetUpPr fitToPage="1"/>
  </sheetPr>
  <dimension ref="A1:N114"/>
  <sheetViews>
    <sheetView showGridLines="0" topLeftCell="B1" zoomScale="70" zoomScaleNormal="70" workbookViewId="0">
      <pane ySplit="6" topLeftCell="A7" activePane="bottomLeft" state="frozen"/>
      <selection pane="bottomLeft" activeCell="J8" sqref="J8"/>
    </sheetView>
  </sheetViews>
  <sheetFormatPr defaultColWidth="8.875" defaultRowHeight="15" x14ac:dyDescent="0.25"/>
  <cols>
    <col min="1" max="1" width="8.875" style="3" hidden="1" customWidth="1"/>
    <col min="2" max="2" width="41.875" style="4" customWidth="1"/>
    <col min="3" max="3" width="29" style="5" customWidth="1"/>
    <col min="4" max="4" width="11.5" style="6" customWidth="1"/>
    <col min="5" max="5" width="15.5" style="6" customWidth="1"/>
    <col min="6" max="8" width="13.125" style="6" customWidth="1"/>
    <col min="9" max="9" width="18.5" style="6" customWidth="1"/>
    <col min="10" max="10" width="65.875" style="14" customWidth="1"/>
    <col min="11" max="11" width="26" style="14" customWidth="1"/>
    <col min="12" max="12" width="41" style="14" customWidth="1"/>
    <col min="13" max="13" width="17.375" style="16" customWidth="1"/>
    <col min="14" max="14" width="33.5" style="6" customWidth="1"/>
    <col min="15" max="16384" width="8.875" style="3"/>
  </cols>
  <sheetData>
    <row r="1" spans="2:14" x14ac:dyDescent="0.25">
      <c r="B1" s="279"/>
      <c r="C1" s="278" t="s">
        <v>517</v>
      </c>
      <c r="D1" s="278"/>
      <c r="E1" s="278"/>
      <c r="F1" s="278"/>
      <c r="G1" s="278"/>
      <c r="H1" s="278"/>
      <c r="I1" s="278"/>
      <c r="J1" s="278"/>
      <c r="K1" s="278"/>
      <c r="L1" s="278"/>
      <c r="M1" s="278"/>
      <c r="N1" s="278"/>
    </row>
    <row r="2" spans="2:14" s="15" customFormat="1" ht="30" customHeight="1" x14ac:dyDescent="0.25">
      <c r="B2" s="279"/>
      <c r="C2" s="278"/>
      <c r="D2" s="278"/>
      <c r="E2" s="278"/>
      <c r="F2" s="278"/>
      <c r="G2" s="278"/>
      <c r="H2" s="278"/>
      <c r="I2" s="278"/>
      <c r="J2" s="278"/>
      <c r="K2" s="278"/>
      <c r="L2" s="278"/>
      <c r="M2" s="278"/>
      <c r="N2" s="278"/>
    </row>
    <row r="3" spans="2:14" ht="7.5" customHeight="1" x14ac:dyDescent="0.25">
      <c r="B3" s="279"/>
      <c r="C3" s="278"/>
      <c r="D3" s="278"/>
      <c r="E3" s="278"/>
      <c r="F3" s="278"/>
      <c r="G3" s="278"/>
      <c r="H3" s="278"/>
      <c r="I3" s="278"/>
      <c r="J3" s="278"/>
      <c r="K3" s="278"/>
      <c r="L3" s="278"/>
      <c r="M3" s="278"/>
      <c r="N3" s="278"/>
    </row>
    <row r="4" spans="2:14" x14ac:dyDescent="0.25">
      <c r="B4" s="279"/>
      <c r="C4" s="278"/>
      <c r="D4" s="278"/>
      <c r="E4" s="278"/>
      <c r="F4" s="278"/>
      <c r="G4" s="278"/>
      <c r="H4" s="278"/>
      <c r="I4" s="278"/>
      <c r="J4" s="278"/>
      <c r="K4" s="278"/>
      <c r="L4" s="278"/>
      <c r="M4" s="278"/>
      <c r="N4" s="278"/>
    </row>
    <row r="5" spans="2:14" x14ac:dyDescent="0.25">
      <c r="B5" s="279"/>
      <c r="C5" s="278"/>
      <c r="D5" s="278"/>
      <c r="E5" s="278"/>
      <c r="F5" s="278"/>
      <c r="G5" s="278"/>
      <c r="H5" s="278"/>
      <c r="I5" s="278"/>
      <c r="J5" s="278"/>
      <c r="K5" s="278"/>
      <c r="L5" s="278"/>
      <c r="M5" s="278"/>
      <c r="N5" s="278"/>
    </row>
    <row r="6" spans="2:14" s="15" customFormat="1" ht="51" customHeight="1" x14ac:dyDescent="0.25">
      <c r="B6" s="125" t="s">
        <v>7</v>
      </c>
      <c r="C6" s="126" t="s">
        <v>8</v>
      </c>
      <c r="D6" s="126" t="s">
        <v>59</v>
      </c>
      <c r="E6" s="126" t="s">
        <v>1</v>
      </c>
      <c r="F6" s="126" t="s">
        <v>6</v>
      </c>
      <c r="G6" s="126" t="s">
        <v>9</v>
      </c>
      <c r="H6" s="126" t="s">
        <v>12</v>
      </c>
      <c r="I6" s="126" t="s">
        <v>57</v>
      </c>
      <c r="J6" s="126" t="s">
        <v>5</v>
      </c>
      <c r="K6" s="126" t="s">
        <v>15</v>
      </c>
      <c r="L6" s="126" t="s">
        <v>16</v>
      </c>
      <c r="M6" s="126" t="s">
        <v>79</v>
      </c>
      <c r="N6" s="127" t="s">
        <v>10</v>
      </c>
    </row>
    <row r="7" spans="2:14" ht="23.25" customHeight="1" x14ac:dyDescent="0.25">
      <c r="B7" s="275" t="s">
        <v>20</v>
      </c>
      <c r="C7" s="276"/>
      <c r="D7" s="276"/>
      <c r="E7" s="276"/>
      <c r="F7" s="276"/>
      <c r="G7" s="276"/>
      <c r="H7" s="276"/>
      <c r="I7" s="276"/>
      <c r="J7" s="276"/>
      <c r="K7" s="276"/>
      <c r="L7" s="276"/>
      <c r="M7" s="276"/>
      <c r="N7" s="277"/>
    </row>
    <row r="8" spans="2:14" ht="262.89999999999998" customHeight="1" x14ac:dyDescent="0.25">
      <c r="B8" s="97" t="s">
        <v>20</v>
      </c>
      <c r="C8" s="29" t="s">
        <v>375</v>
      </c>
      <c r="D8" s="45">
        <v>43435</v>
      </c>
      <c r="E8" s="35" t="s">
        <v>11</v>
      </c>
      <c r="F8" s="35" t="s">
        <v>2</v>
      </c>
      <c r="G8" s="35" t="s">
        <v>13</v>
      </c>
      <c r="H8" s="35" t="s">
        <v>14</v>
      </c>
      <c r="I8" s="35" t="s">
        <v>156</v>
      </c>
      <c r="J8" s="36" t="s">
        <v>556</v>
      </c>
      <c r="K8" s="36" t="s">
        <v>84</v>
      </c>
      <c r="L8" s="36" t="s">
        <v>376</v>
      </c>
      <c r="M8" s="36" t="s">
        <v>60</v>
      </c>
      <c r="N8" s="117" t="s">
        <v>21</v>
      </c>
    </row>
    <row r="9" spans="2:14" ht="408" customHeight="1" x14ac:dyDescent="0.25">
      <c r="B9" s="97" t="s">
        <v>29</v>
      </c>
      <c r="C9" s="29" t="s">
        <v>168</v>
      </c>
      <c r="D9" s="45">
        <v>41214</v>
      </c>
      <c r="E9" s="35" t="s">
        <v>11</v>
      </c>
      <c r="F9" s="45" t="s">
        <v>31</v>
      </c>
      <c r="G9" s="35" t="s">
        <v>22</v>
      </c>
      <c r="H9" s="35" t="s">
        <v>58</v>
      </c>
      <c r="I9" s="35" t="s">
        <v>116</v>
      </c>
      <c r="J9" s="31" t="s">
        <v>377</v>
      </c>
      <c r="K9" s="31" t="s">
        <v>378</v>
      </c>
      <c r="L9" s="55" t="s">
        <v>379</v>
      </c>
      <c r="M9" s="55" t="s">
        <v>60</v>
      </c>
      <c r="N9" s="118" t="s">
        <v>32</v>
      </c>
    </row>
    <row r="10" spans="2:14" ht="275.64999999999998" customHeight="1" x14ac:dyDescent="0.25">
      <c r="B10" s="97" t="s">
        <v>20</v>
      </c>
      <c r="C10" s="29" t="s">
        <v>274</v>
      </c>
      <c r="D10" s="30">
        <v>45536</v>
      </c>
      <c r="E10" s="29" t="s">
        <v>11</v>
      </c>
      <c r="F10" s="29" t="s">
        <v>31</v>
      </c>
      <c r="G10" s="29" t="s">
        <v>22</v>
      </c>
      <c r="H10" s="29" t="s">
        <v>247</v>
      </c>
      <c r="I10" s="77" t="s">
        <v>61</v>
      </c>
      <c r="J10" s="31" t="s">
        <v>380</v>
      </c>
      <c r="K10" s="31" t="s">
        <v>287</v>
      </c>
      <c r="L10" s="115" t="s">
        <v>381</v>
      </c>
      <c r="M10" s="115" t="s">
        <v>60</v>
      </c>
      <c r="N10" s="119" t="s">
        <v>275</v>
      </c>
    </row>
    <row r="11" spans="2:14" ht="19.5" customHeight="1" x14ac:dyDescent="0.25">
      <c r="B11" s="265" t="s">
        <v>55</v>
      </c>
      <c r="C11" s="266"/>
      <c r="D11" s="266"/>
      <c r="E11" s="266"/>
      <c r="F11" s="266"/>
      <c r="G11" s="266"/>
      <c r="H11" s="266"/>
      <c r="I11" s="266"/>
      <c r="J11" s="266"/>
      <c r="K11" s="266"/>
      <c r="L11" s="266"/>
      <c r="M11" s="266"/>
      <c r="N11" s="270"/>
    </row>
    <row r="12" spans="2:14" ht="384.75" customHeight="1" x14ac:dyDescent="0.25">
      <c r="B12" s="98" t="s">
        <v>55</v>
      </c>
      <c r="C12" s="39" t="s">
        <v>169</v>
      </c>
      <c r="D12" s="69">
        <v>32782</v>
      </c>
      <c r="E12" s="39" t="s">
        <v>11</v>
      </c>
      <c r="F12" s="39" t="s">
        <v>31</v>
      </c>
      <c r="G12" s="39" t="s">
        <v>22</v>
      </c>
      <c r="H12" s="120" t="s">
        <v>58</v>
      </c>
      <c r="I12" s="39" t="s">
        <v>156</v>
      </c>
      <c r="J12" s="121" t="s">
        <v>542</v>
      </c>
      <c r="K12" s="122" t="s">
        <v>84</v>
      </c>
      <c r="L12" s="123" t="s">
        <v>382</v>
      </c>
      <c r="M12" s="41" t="s">
        <v>60</v>
      </c>
      <c r="N12" s="124" t="s">
        <v>62</v>
      </c>
    </row>
    <row r="13" spans="2:14" ht="11.25" customHeight="1" x14ac:dyDescent="0.25">
      <c r="C13" s="4"/>
      <c r="D13" s="4"/>
      <c r="E13" s="4"/>
      <c r="F13" s="4"/>
      <c r="G13" s="4"/>
      <c r="H13" s="4"/>
      <c r="I13" s="4"/>
      <c r="J13" s="4"/>
      <c r="K13" s="4"/>
      <c r="L13" s="4"/>
      <c r="M13" s="4"/>
      <c r="N13" s="4"/>
    </row>
    <row r="14" spans="2:14" x14ac:dyDescent="0.25">
      <c r="C14" s="4"/>
      <c r="D14" s="4"/>
      <c r="E14" s="4"/>
      <c r="F14" s="4"/>
      <c r="G14" s="4"/>
      <c r="H14" s="4"/>
      <c r="I14" s="4"/>
      <c r="J14" s="4"/>
      <c r="K14" s="4"/>
      <c r="L14" s="4"/>
      <c r="M14" s="4"/>
      <c r="N14" s="4"/>
    </row>
    <row r="15" spans="2:14" x14ac:dyDescent="0.25">
      <c r="C15" s="4"/>
      <c r="D15" s="4"/>
      <c r="E15" s="4"/>
      <c r="F15" s="4"/>
      <c r="G15" s="4"/>
      <c r="H15" s="4"/>
      <c r="I15" s="4"/>
      <c r="J15" s="4"/>
      <c r="K15" s="4"/>
      <c r="L15" s="4"/>
      <c r="M15" s="4"/>
      <c r="N15" s="4"/>
    </row>
    <row r="16" spans="2:14" x14ac:dyDescent="0.25">
      <c r="C16" s="4"/>
      <c r="D16" s="4"/>
      <c r="E16" s="4"/>
      <c r="F16" s="4"/>
      <c r="G16" s="4"/>
      <c r="H16" s="4"/>
      <c r="I16" s="4"/>
      <c r="J16" s="4"/>
      <c r="K16" s="4"/>
      <c r="L16" s="4"/>
      <c r="M16" s="4"/>
      <c r="N16" s="4"/>
    </row>
    <row r="17" spans="3:14" x14ac:dyDescent="0.25">
      <c r="C17" s="4"/>
      <c r="D17" s="4"/>
      <c r="E17" s="4"/>
      <c r="F17" s="4"/>
      <c r="G17" s="4"/>
      <c r="H17" s="4"/>
      <c r="I17" s="4"/>
      <c r="J17" s="4"/>
      <c r="K17" s="4"/>
      <c r="L17" s="4"/>
      <c r="M17" s="4"/>
      <c r="N17" s="4"/>
    </row>
    <row r="18" spans="3:14" x14ac:dyDescent="0.25">
      <c r="C18" s="4"/>
      <c r="D18" s="4"/>
      <c r="E18" s="4"/>
      <c r="F18" s="4"/>
      <c r="G18" s="4"/>
      <c r="H18" s="4"/>
      <c r="I18" s="4"/>
      <c r="J18" s="4"/>
      <c r="K18" s="4"/>
      <c r="L18" s="4"/>
      <c r="M18" s="4"/>
      <c r="N18" s="4"/>
    </row>
    <row r="19" spans="3:14" x14ac:dyDescent="0.25">
      <c r="C19" s="2"/>
      <c r="D19" s="2"/>
      <c r="E19" s="2"/>
      <c r="F19" s="2"/>
      <c r="G19" s="2"/>
      <c r="H19" s="2"/>
      <c r="I19" s="2"/>
      <c r="M19" s="14"/>
      <c r="N19" s="2"/>
    </row>
    <row r="20" spans="3:14" x14ac:dyDescent="0.25">
      <c r="C20" s="2"/>
      <c r="D20" s="2"/>
      <c r="E20" s="2"/>
      <c r="F20" s="2"/>
      <c r="G20" s="2"/>
      <c r="H20" s="2"/>
      <c r="I20" s="2"/>
      <c r="M20" s="14"/>
      <c r="N20" s="2"/>
    </row>
    <row r="21" spans="3:14" x14ac:dyDescent="0.25">
      <c r="C21" s="2"/>
      <c r="D21" s="2"/>
      <c r="E21" s="2"/>
      <c r="F21" s="2"/>
      <c r="G21" s="2"/>
      <c r="H21" s="2"/>
      <c r="I21" s="2"/>
      <c r="M21" s="14"/>
      <c r="N21" s="2"/>
    </row>
    <row r="22" spans="3:14" x14ac:dyDescent="0.25">
      <c r="C22" s="2"/>
      <c r="D22" s="2"/>
      <c r="E22" s="2"/>
      <c r="F22" s="2"/>
      <c r="G22" s="2"/>
      <c r="H22" s="2"/>
      <c r="I22" s="2"/>
      <c r="M22" s="14"/>
      <c r="N22" s="2"/>
    </row>
    <row r="23" spans="3:14" x14ac:dyDescent="0.25">
      <c r="C23" s="2"/>
      <c r="D23" s="2"/>
      <c r="E23" s="2"/>
      <c r="F23" s="2"/>
      <c r="G23" s="2"/>
      <c r="H23" s="2"/>
      <c r="I23" s="2"/>
      <c r="M23" s="14"/>
      <c r="N23" s="2"/>
    </row>
    <row r="24" spans="3:14" x14ac:dyDescent="0.25">
      <c r="C24" s="2"/>
      <c r="D24" s="2"/>
      <c r="E24" s="2"/>
      <c r="F24" s="2"/>
      <c r="G24" s="2"/>
      <c r="H24" s="2"/>
      <c r="I24" s="2"/>
      <c r="M24" s="14"/>
      <c r="N24" s="2"/>
    </row>
    <row r="25" spans="3:14" x14ac:dyDescent="0.25">
      <c r="C25" s="2"/>
      <c r="D25" s="2"/>
      <c r="E25" s="2"/>
      <c r="F25" s="2"/>
      <c r="G25" s="2"/>
      <c r="H25" s="2"/>
      <c r="I25" s="2"/>
      <c r="M25" s="14"/>
      <c r="N25" s="2"/>
    </row>
    <row r="26" spans="3:14" x14ac:dyDescent="0.25">
      <c r="C26" s="2"/>
      <c r="D26" s="2"/>
      <c r="E26" s="2"/>
      <c r="F26" s="2"/>
      <c r="G26" s="2"/>
      <c r="H26" s="2"/>
      <c r="I26" s="2"/>
      <c r="M26" s="14"/>
      <c r="N26" s="2"/>
    </row>
    <row r="27" spans="3:14" x14ac:dyDescent="0.25">
      <c r="C27" s="2"/>
      <c r="D27" s="2"/>
      <c r="E27" s="2"/>
      <c r="F27" s="2"/>
      <c r="G27" s="2"/>
      <c r="H27" s="2"/>
      <c r="I27" s="2"/>
      <c r="M27" s="14"/>
      <c r="N27" s="2"/>
    </row>
    <row r="28" spans="3:14" x14ac:dyDescent="0.25">
      <c r="C28" s="2"/>
      <c r="D28" s="2"/>
      <c r="E28" s="2"/>
      <c r="F28" s="2"/>
      <c r="G28" s="2"/>
      <c r="H28" s="2"/>
      <c r="I28" s="2"/>
      <c r="M28" s="14"/>
      <c r="N28" s="2"/>
    </row>
    <row r="29" spans="3:14" x14ac:dyDescent="0.25">
      <c r="C29" s="2"/>
      <c r="D29" s="2"/>
      <c r="E29" s="2"/>
      <c r="F29" s="2"/>
      <c r="G29" s="2"/>
      <c r="H29" s="2"/>
      <c r="I29" s="2"/>
      <c r="M29" s="14"/>
      <c r="N29" s="2"/>
    </row>
    <row r="30" spans="3:14" x14ac:dyDescent="0.25">
      <c r="C30" s="2"/>
      <c r="D30" s="2"/>
      <c r="E30" s="2"/>
      <c r="F30" s="2"/>
      <c r="G30" s="2"/>
      <c r="H30" s="2"/>
      <c r="I30" s="2"/>
      <c r="M30" s="14"/>
      <c r="N30" s="2"/>
    </row>
    <row r="31" spans="3:14" x14ac:dyDescent="0.25">
      <c r="C31" s="2"/>
      <c r="D31" s="2"/>
      <c r="E31" s="2"/>
      <c r="F31" s="2"/>
      <c r="G31" s="2"/>
      <c r="H31" s="2"/>
      <c r="I31" s="2"/>
      <c r="M31" s="14"/>
      <c r="N31" s="2"/>
    </row>
    <row r="32" spans="3:14" x14ac:dyDescent="0.25">
      <c r="C32" s="2"/>
      <c r="D32" s="2"/>
      <c r="E32" s="2"/>
      <c r="F32" s="2"/>
      <c r="G32" s="2"/>
      <c r="H32" s="2"/>
      <c r="I32" s="2"/>
      <c r="M32" s="14"/>
      <c r="N32" s="2"/>
    </row>
    <row r="33" spans="3:14" x14ac:dyDescent="0.25">
      <c r="C33" s="2"/>
      <c r="D33" s="2"/>
      <c r="E33" s="2"/>
      <c r="F33" s="2"/>
      <c r="G33" s="2"/>
      <c r="H33" s="2"/>
      <c r="I33" s="2"/>
      <c r="M33" s="14"/>
      <c r="N33" s="2"/>
    </row>
    <row r="34" spans="3:14" x14ac:dyDescent="0.25">
      <c r="C34" s="2"/>
      <c r="D34" s="2"/>
      <c r="E34" s="2"/>
      <c r="F34" s="2"/>
      <c r="G34" s="2"/>
      <c r="H34" s="2"/>
      <c r="I34" s="2"/>
      <c r="M34" s="14"/>
      <c r="N34" s="2"/>
    </row>
    <row r="35" spans="3:14" x14ac:dyDescent="0.25">
      <c r="C35" s="2"/>
      <c r="D35" s="2"/>
      <c r="E35" s="2"/>
      <c r="F35" s="2"/>
      <c r="G35" s="2"/>
      <c r="H35" s="2"/>
      <c r="I35" s="2"/>
      <c r="M35" s="14"/>
      <c r="N35" s="2"/>
    </row>
    <row r="36" spans="3:14" x14ac:dyDescent="0.25">
      <c r="C36" s="2"/>
      <c r="D36" s="2"/>
      <c r="E36" s="2"/>
      <c r="F36" s="2"/>
      <c r="G36" s="2"/>
      <c r="H36" s="2"/>
      <c r="I36" s="2"/>
      <c r="M36" s="14"/>
      <c r="N36" s="2"/>
    </row>
    <row r="37" spans="3:14" x14ac:dyDescent="0.25">
      <c r="C37" s="2"/>
      <c r="D37" s="2"/>
      <c r="E37" s="2"/>
      <c r="F37" s="2"/>
      <c r="G37" s="2"/>
      <c r="H37" s="2"/>
      <c r="I37" s="2"/>
      <c r="M37" s="14"/>
      <c r="N37" s="2"/>
    </row>
    <row r="38" spans="3:14" x14ac:dyDescent="0.25">
      <c r="C38" s="2"/>
      <c r="D38" s="2"/>
      <c r="E38" s="2"/>
      <c r="F38" s="2"/>
      <c r="G38" s="2"/>
      <c r="H38" s="2"/>
      <c r="I38" s="2"/>
      <c r="M38" s="14"/>
      <c r="N38" s="2"/>
    </row>
    <row r="39" spans="3:14" x14ac:dyDescent="0.25">
      <c r="C39" s="2"/>
      <c r="D39" s="2"/>
      <c r="E39" s="2"/>
      <c r="F39" s="2"/>
      <c r="G39" s="2"/>
      <c r="H39" s="2"/>
      <c r="I39" s="2"/>
      <c r="M39" s="14"/>
      <c r="N39" s="2"/>
    </row>
    <row r="40" spans="3:14" x14ac:dyDescent="0.25">
      <c r="C40" s="2"/>
      <c r="D40" s="2"/>
      <c r="E40" s="2"/>
      <c r="F40" s="2"/>
      <c r="G40" s="2"/>
      <c r="H40" s="2"/>
      <c r="I40" s="2"/>
      <c r="M40" s="14"/>
      <c r="N40" s="2"/>
    </row>
    <row r="41" spans="3:14" x14ac:dyDescent="0.25">
      <c r="C41" s="2"/>
      <c r="D41" s="2"/>
      <c r="E41" s="2"/>
      <c r="F41" s="2"/>
      <c r="G41" s="2"/>
      <c r="H41" s="2"/>
      <c r="I41" s="2"/>
      <c r="M41" s="14"/>
      <c r="N41" s="2"/>
    </row>
    <row r="42" spans="3:14" x14ac:dyDescent="0.25">
      <c r="C42" s="2"/>
      <c r="D42" s="2"/>
      <c r="E42" s="2"/>
      <c r="F42" s="2"/>
      <c r="G42" s="2"/>
      <c r="H42" s="2"/>
      <c r="I42" s="2"/>
      <c r="M42" s="14"/>
      <c r="N42" s="2"/>
    </row>
    <row r="43" spans="3:14" x14ac:dyDescent="0.25">
      <c r="C43" s="2"/>
      <c r="D43" s="2"/>
      <c r="E43" s="2"/>
      <c r="F43" s="2"/>
      <c r="G43" s="2"/>
      <c r="H43" s="2"/>
      <c r="I43" s="2"/>
      <c r="M43" s="14"/>
      <c r="N43" s="2"/>
    </row>
    <row r="44" spans="3:14" x14ac:dyDescent="0.25">
      <c r="C44" s="2"/>
      <c r="D44" s="2"/>
      <c r="E44" s="2"/>
      <c r="F44" s="2"/>
      <c r="G44" s="2"/>
      <c r="H44" s="2"/>
      <c r="I44" s="2"/>
      <c r="M44" s="14"/>
      <c r="N44" s="2"/>
    </row>
    <row r="45" spans="3:14" x14ac:dyDescent="0.25">
      <c r="C45" s="2"/>
      <c r="D45" s="2"/>
      <c r="E45" s="2"/>
      <c r="F45" s="2"/>
      <c r="G45" s="2"/>
      <c r="H45" s="2"/>
      <c r="I45" s="2"/>
      <c r="M45" s="14"/>
      <c r="N45" s="2"/>
    </row>
    <row r="46" spans="3:14" x14ac:dyDescent="0.25">
      <c r="C46" s="2"/>
      <c r="D46" s="2"/>
      <c r="E46" s="2"/>
      <c r="F46" s="2"/>
      <c r="G46" s="2"/>
      <c r="H46" s="2"/>
      <c r="I46" s="2"/>
      <c r="M46" s="14"/>
      <c r="N46" s="2"/>
    </row>
    <row r="47" spans="3:14" x14ac:dyDescent="0.25">
      <c r="C47" s="2"/>
      <c r="D47" s="2"/>
      <c r="E47" s="2"/>
      <c r="F47" s="2"/>
      <c r="G47" s="2"/>
      <c r="H47" s="2"/>
      <c r="I47" s="2"/>
      <c r="M47" s="14"/>
      <c r="N47" s="2"/>
    </row>
    <row r="48" spans="3:14" x14ac:dyDescent="0.25">
      <c r="C48" s="2"/>
      <c r="D48" s="2"/>
      <c r="E48" s="2"/>
      <c r="F48" s="2"/>
      <c r="G48" s="2"/>
      <c r="H48" s="2"/>
      <c r="I48" s="2"/>
      <c r="M48" s="14"/>
      <c r="N48" s="2"/>
    </row>
    <row r="49" spans="3:14" x14ac:dyDescent="0.25">
      <c r="C49" s="2"/>
      <c r="D49" s="2"/>
      <c r="E49" s="2"/>
      <c r="F49" s="2"/>
      <c r="G49" s="2"/>
      <c r="H49" s="2"/>
      <c r="I49" s="2"/>
      <c r="M49" s="14"/>
      <c r="N49" s="2"/>
    </row>
    <row r="50" spans="3:14" x14ac:dyDescent="0.25">
      <c r="C50" s="2"/>
      <c r="D50" s="2"/>
      <c r="E50" s="2"/>
      <c r="F50" s="2"/>
      <c r="G50" s="2"/>
      <c r="H50" s="2"/>
      <c r="I50" s="2"/>
      <c r="M50" s="14"/>
      <c r="N50" s="2"/>
    </row>
    <row r="51" spans="3:14" x14ac:dyDescent="0.25">
      <c r="C51" s="2"/>
      <c r="D51" s="2"/>
      <c r="E51" s="2"/>
      <c r="F51" s="2"/>
      <c r="G51" s="2"/>
      <c r="H51" s="2"/>
      <c r="I51" s="2"/>
      <c r="M51" s="14"/>
      <c r="N51" s="2"/>
    </row>
    <row r="52" spans="3:14" x14ac:dyDescent="0.25">
      <c r="C52" s="2"/>
      <c r="D52" s="2"/>
      <c r="E52" s="2"/>
      <c r="F52" s="2"/>
      <c r="G52" s="2"/>
      <c r="H52" s="2"/>
      <c r="I52" s="2"/>
      <c r="M52" s="14"/>
      <c r="N52" s="2"/>
    </row>
    <row r="53" spans="3:14" x14ac:dyDescent="0.25">
      <c r="C53" s="2"/>
      <c r="D53" s="2"/>
      <c r="E53" s="2"/>
      <c r="F53" s="2"/>
      <c r="G53" s="2"/>
      <c r="H53" s="2"/>
      <c r="I53" s="2"/>
      <c r="M53" s="14"/>
      <c r="N53" s="2"/>
    </row>
    <row r="54" spans="3:14" x14ac:dyDescent="0.25">
      <c r="C54" s="2"/>
      <c r="D54" s="2"/>
      <c r="E54" s="2"/>
      <c r="F54" s="2"/>
      <c r="G54" s="2"/>
      <c r="H54" s="2"/>
      <c r="I54" s="2"/>
      <c r="M54" s="14"/>
      <c r="N54" s="2"/>
    </row>
    <row r="55" spans="3:14" x14ac:dyDescent="0.25">
      <c r="C55" s="2"/>
      <c r="D55" s="2"/>
      <c r="E55" s="2"/>
      <c r="F55" s="2"/>
      <c r="G55" s="2"/>
      <c r="H55" s="2"/>
      <c r="I55" s="2"/>
      <c r="M55" s="14"/>
      <c r="N55" s="2"/>
    </row>
    <row r="56" spans="3:14" x14ac:dyDescent="0.25">
      <c r="C56" s="2"/>
      <c r="D56" s="2"/>
      <c r="E56" s="2"/>
      <c r="F56" s="2"/>
      <c r="G56" s="2"/>
      <c r="H56" s="2"/>
      <c r="I56" s="2"/>
      <c r="M56" s="14"/>
      <c r="N56" s="2"/>
    </row>
    <row r="57" spans="3:14" x14ac:dyDescent="0.25">
      <c r="C57" s="2"/>
      <c r="D57" s="2"/>
      <c r="E57" s="2"/>
      <c r="F57" s="2"/>
      <c r="G57" s="2"/>
      <c r="H57" s="2"/>
      <c r="I57" s="2"/>
      <c r="M57" s="14"/>
      <c r="N57" s="2"/>
    </row>
    <row r="58" spans="3:14" x14ac:dyDescent="0.25">
      <c r="C58" s="2"/>
      <c r="D58" s="2"/>
      <c r="E58" s="2"/>
      <c r="F58" s="2"/>
      <c r="G58" s="2"/>
      <c r="H58" s="2"/>
      <c r="I58" s="2"/>
      <c r="M58" s="14"/>
      <c r="N58" s="2"/>
    </row>
    <row r="59" spans="3:14" x14ac:dyDescent="0.25">
      <c r="C59" s="2"/>
      <c r="D59" s="2"/>
      <c r="E59" s="2"/>
      <c r="F59" s="2"/>
      <c r="G59" s="2"/>
      <c r="H59" s="2"/>
      <c r="I59" s="2"/>
      <c r="M59" s="14"/>
      <c r="N59" s="2"/>
    </row>
    <row r="60" spans="3:14" x14ac:dyDescent="0.25">
      <c r="C60" s="2"/>
      <c r="D60" s="2"/>
      <c r="E60" s="2"/>
      <c r="F60" s="2"/>
      <c r="G60" s="2"/>
      <c r="H60" s="2"/>
      <c r="I60" s="2"/>
      <c r="M60" s="14"/>
      <c r="N60" s="2"/>
    </row>
    <row r="61" spans="3:14" x14ac:dyDescent="0.25">
      <c r="C61" s="2"/>
      <c r="D61" s="2"/>
      <c r="E61" s="2"/>
      <c r="F61" s="2"/>
      <c r="G61" s="2"/>
      <c r="H61" s="2"/>
      <c r="I61" s="2"/>
      <c r="M61" s="14"/>
      <c r="N61" s="2"/>
    </row>
    <row r="62" spans="3:14" x14ac:dyDescent="0.25">
      <c r="C62" s="2"/>
      <c r="D62" s="2"/>
      <c r="E62" s="2"/>
      <c r="F62" s="2"/>
      <c r="G62" s="2"/>
      <c r="H62" s="2"/>
      <c r="I62" s="2"/>
      <c r="M62" s="14"/>
      <c r="N62" s="2"/>
    </row>
    <row r="63" spans="3:14" x14ac:dyDescent="0.25">
      <c r="C63" s="2"/>
      <c r="D63" s="2"/>
      <c r="E63" s="2"/>
      <c r="F63" s="2"/>
      <c r="G63" s="2"/>
      <c r="H63" s="2"/>
      <c r="I63" s="2"/>
      <c r="M63" s="14"/>
      <c r="N63" s="2"/>
    </row>
    <row r="64" spans="3:14" x14ac:dyDescent="0.25">
      <c r="C64" s="2"/>
      <c r="D64" s="2"/>
      <c r="E64" s="2"/>
      <c r="F64" s="2"/>
      <c r="G64" s="2"/>
      <c r="H64" s="2"/>
      <c r="I64" s="2"/>
      <c r="M64" s="14"/>
      <c r="N64" s="2"/>
    </row>
    <row r="65" spans="3:14" x14ac:dyDescent="0.25">
      <c r="C65" s="2"/>
      <c r="D65" s="2"/>
      <c r="E65" s="2"/>
      <c r="F65" s="2"/>
      <c r="G65" s="2"/>
      <c r="H65" s="2"/>
      <c r="I65" s="2"/>
      <c r="M65" s="14"/>
      <c r="N65" s="2"/>
    </row>
    <row r="66" spans="3:14" x14ac:dyDescent="0.25">
      <c r="C66" s="2"/>
      <c r="D66" s="2"/>
      <c r="E66" s="2"/>
      <c r="F66" s="2"/>
      <c r="G66" s="2"/>
      <c r="H66" s="2"/>
      <c r="I66" s="2"/>
      <c r="M66" s="14"/>
      <c r="N66" s="2"/>
    </row>
    <row r="67" spans="3:14" x14ac:dyDescent="0.25">
      <c r="C67" s="2"/>
      <c r="D67" s="2"/>
      <c r="E67" s="2"/>
      <c r="F67" s="2"/>
      <c r="G67" s="2"/>
      <c r="H67" s="2"/>
      <c r="I67" s="2"/>
      <c r="M67" s="14"/>
      <c r="N67" s="2"/>
    </row>
    <row r="68" spans="3:14" x14ac:dyDescent="0.25">
      <c r="C68" s="2"/>
      <c r="D68" s="2"/>
      <c r="E68" s="2"/>
      <c r="F68" s="2"/>
      <c r="G68" s="2"/>
      <c r="H68" s="2"/>
      <c r="I68" s="2"/>
      <c r="M68" s="14"/>
      <c r="N68" s="2"/>
    </row>
    <row r="69" spans="3:14" x14ac:dyDescent="0.25">
      <c r="C69" s="2"/>
      <c r="D69" s="2"/>
      <c r="E69" s="2"/>
      <c r="F69" s="2"/>
      <c r="G69" s="2"/>
      <c r="H69" s="2"/>
      <c r="I69" s="2"/>
      <c r="M69" s="14"/>
      <c r="N69" s="2"/>
    </row>
    <row r="70" spans="3:14" x14ac:dyDescent="0.25">
      <c r="C70" s="2"/>
      <c r="D70" s="2"/>
      <c r="E70" s="2"/>
      <c r="F70" s="2"/>
      <c r="G70" s="2"/>
      <c r="H70" s="2"/>
      <c r="I70" s="2"/>
      <c r="M70" s="14"/>
      <c r="N70" s="2"/>
    </row>
    <row r="71" spans="3:14" x14ac:dyDescent="0.25">
      <c r="C71" s="2"/>
      <c r="D71" s="2"/>
      <c r="E71" s="2"/>
      <c r="F71" s="2"/>
      <c r="G71" s="2"/>
      <c r="H71" s="2"/>
      <c r="I71" s="2"/>
      <c r="M71" s="14"/>
      <c r="N71" s="2"/>
    </row>
    <row r="72" spans="3:14" x14ac:dyDescent="0.25">
      <c r="C72" s="2"/>
      <c r="D72" s="2"/>
      <c r="E72" s="2"/>
      <c r="F72" s="2"/>
      <c r="G72" s="2"/>
      <c r="H72" s="2"/>
      <c r="I72" s="2"/>
      <c r="M72" s="14"/>
      <c r="N72" s="2"/>
    </row>
    <row r="73" spans="3:14" x14ac:dyDescent="0.25">
      <c r="C73" s="2"/>
      <c r="D73" s="2"/>
      <c r="E73" s="2"/>
      <c r="F73" s="2"/>
      <c r="G73" s="2"/>
      <c r="H73" s="2"/>
      <c r="I73" s="2"/>
      <c r="M73" s="14"/>
      <c r="N73" s="2"/>
    </row>
    <row r="74" spans="3:14" x14ac:dyDescent="0.25">
      <c r="C74" s="2"/>
      <c r="D74" s="2"/>
      <c r="E74" s="2"/>
      <c r="F74" s="2"/>
      <c r="G74" s="2"/>
      <c r="H74" s="2"/>
      <c r="I74" s="2"/>
      <c r="M74" s="14"/>
      <c r="N74" s="2"/>
    </row>
    <row r="75" spans="3:14" x14ac:dyDescent="0.25">
      <c r="C75" s="2"/>
      <c r="D75" s="2"/>
      <c r="E75" s="2"/>
      <c r="F75" s="2"/>
      <c r="G75" s="2"/>
      <c r="H75" s="2"/>
      <c r="I75" s="2"/>
      <c r="M75" s="14"/>
      <c r="N75" s="2"/>
    </row>
    <row r="76" spans="3:14" x14ac:dyDescent="0.25">
      <c r="C76" s="2"/>
      <c r="D76" s="2"/>
      <c r="E76" s="2"/>
      <c r="F76" s="2"/>
      <c r="G76" s="2"/>
      <c r="H76" s="2"/>
      <c r="I76" s="2"/>
      <c r="M76" s="14"/>
      <c r="N76" s="2"/>
    </row>
    <row r="77" spans="3:14" x14ac:dyDescent="0.25">
      <c r="C77" s="2"/>
      <c r="D77" s="2"/>
      <c r="E77" s="2"/>
      <c r="F77" s="2"/>
      <c r="G77" s="2"/>
      <c r="H77" s="2"/>
      <c r="I77" s="2"/>
      <c r="M77" s="14"/>
      <c r="N77" s="2"/>
    </row>
    <row r="78" spans="3:14" x14ac:dyDescent="0.25">
      <c r="C78" s="2"/>
      <c r="D78" s="2"/>
      <c r="E78" s="2"/>
      <c r="F78" s="2"/>
      <c r="G78" s="2"/>
      <c r="H78" s="2"/>
      <c r="I78" s="2"/>
      <c r="M78" s="14"/>
      <c r="N78" s="2"/>
    </row>
    <row r="79" spans="3:14" x14ac:dyDescent="0.25">
      <c r="C79" s="2"/>
      <c r="D79" s="2"/>
      <c r="E79" s="2"/>
      <c r="F79" s="2"/>
      <c r="G79" s="2"/>
      <c r="H79" s="2"/>
      <c r="I79" s="2"/>
      <c r="M79" s="14"/>
      <c r="N79" s="2"/>
    </row>
    <row r="80" spans="3:14" x14ac:dyDescent="0.25">
      <c r="C80" s="2"/>
      <c r="D80" s="2"/>
      <c r="E80" s="2"/>
      <c r="F80" s="2"/>
      <c r="G80" s="2"/>
      <c r="H80" s="2"/>
      <c r="I80" s="2"/>
      <c r="M80" s="14"/>
      <c r="N80" s="2"/>
    </row>
    <row r="81" spans="3:14" x14ac:dyDescent="0.25">
      <c r="C81" s="2"/>
      <c r="D81" s="2"/>
      <c r="E81" s="2"/>
      <c r="F81" s="2"/>
      <c r="G81" s="2"/>
      <c r="H81" s="2"/>
      <c r="I81" s="2"/>
      <c r="M81" s="14"/>
      <c r="N81" s="2"/>
    </row>
    <row r="82" spans="3:14" x14ac:dyDescent="0.25">
      <c r="C82" s="2"/>
      <c r="D82" s="2"/>
      <c r="E82" s="2"/>
      <c r="F82" s="2"/>
      <c r="G82" s="2"/>
      <c r="H82" s="2"/>
      <c r="I82" s="2"/>
      <c r="M82" s="14"/>
      <c r="N82" s="2"/>
    </row>
    <row r="83" spans="3:14" x14ac:dyDescent="0.25">
      <c r="C83" s="2"/>
      <c r="D83" s="2"/>
      <c r="E83" s="2"/>
      <c r="F83" s="2"/>
      <c r="G83" s="2"/>
      <c r="H83" s="2"/>
      <c r="I83" s="2"/>
      <c r="M83" s="14"/>
      <c r="N83" s="2"/>
    </row>
    <row r="84" spans="3:14" x14ac:dyDescent="0.25">
      <c r="C84" s="2"/>
      <c r="D84" s="2"/>
      <c r="E84" s="2"/>
      <c r="F84" s="2"/>
      <c r="G84" s="2"/>
      <c r="H84" s="2"/>
      <c r="I84" s="2"/>
      <c r="M84" s="14"/>
      <c r="N84" s="2"/>
    </row>
    <row r="85" spans="3:14" x14ac:dyDescent="0.25">
      <c r="C85" s="2"/>
      <c r="D85" s="2"/>
      <c r="E85" s="2"/>
      <c r="F85" s="2"/>
      <c r="G85" s="2"/>
      <c r="H85" s="2"/>
      <c r="I85" s="2"/>
      <c r="M85" s="14"/>
      <c r="N85" s="2"/>
    </row>
    <row r="86" spans="3:14" x14ac:dyDescent="0.25">
      <c r="C86" s="2"/>
      <c r="D86" s="2"/>
      <c r="E86" s="2"/>
      <c r="F86" s="2"/>
      <c r="G86" s="2"/>
      <c r="H86" s="2"/>
      <c r="I86" s="2"/>
      <c r="M86" s="14"/>
      <c r="N86" s="2"/>
    </row>
    <row r="87" spans="3:14" x14ac:dyDescent="0.25">
      <c r="C87" s="2"/>
      <c r="D87" s="2"/>
      <c r="E87" s="2"/>
      <c r="F87" s="2"/>
      <c r="G87" s="2"/>
      <c r="H87" s="2"/>
      <c r="I87" s="2"/>
      <c r="M87" s="14"/>
      <c r="N87" s="2"/>
    </row>
    <row r="88" spans="3:14" x14ac:dyDescent="0.25">
      <c r="C88" s="2"/>
      <c r="D88" s="2"/>
      <c r="E88" s="2"/>
      <c r="F88" s="2"/>
      <c r="G88" s="2"/>
      <c r="H88" s="2"/>
      <c r="I88" s="2"/>
      <c r="M88" s="14"/>
      <c r="N88" s="2"/>
    </row>
    <row r="89" spans="3:14" x14ac:dyDescent="0.25">
      <c r="C89" s="2"/>
      <c r="D89" s="2"/>
      <c r="E89" s="2"/>
      <c r="F89" s="2"/>
      <c r="G89" s="2"/>
      <c r="H89" s="2"/>
      <c r="I89" s="2"/>
      <c r="M89" s="14"/>
      <c r="N89" s="2"/>
    </row>
    <row r="90" spans="3:14" x14ac:dyDescent="0.25">
      <c r="C90" s="2"/>
      <c r="D90" s="2"/>
      <c r="E90" s="2"/>
      <c r="F90" s="2"/>
      <c r="G90" s="2"/>
      <c r="H90" s="2"/>
      <c r="I90" s="2"/>
      <c r="M90" s="14"/>
      <c r="N90" s="2"/>
    </row>
    <row r="91" spans="3:14" x14ac:dyDescent="0.25">
      <c r="C91" s="2"/>
      <c r="D91" s="2"/>
      <c r="E91" s="2"/>
      <c r="F91" s="2"/>
      <c r="G91" s="2"/>
      <c r="H91" s="2"/>
      <c r="I91" s="2"/>
      <c r="M91" s="14"/>
      <c r="N91" s="2"/>
    </row>
    <row r="92" spans="3:14" x14ac:dyDescent="0.25">
      <c r="C92" s="2"/>
      <c r="D92" s="2"/>
      <c r="E92" s="2"/>
      <c r="F92" s="2"/>
      <c r="G92" s="2"/>
      <c r="H92" s="2"/>
      <c r="I92" s="2"/>
      <c r="M92" s="14"/>
      <c r="N92" s="2"/>
    </row>
    <row r="93" spans="3:14" x14ac:dyDescent="0.25">
      <c r="C93" s="2"/>
      <c r="D93" s="2"/>
      <c r="E93" s="2"/>
      <c r="F93" s="2"/>
      <c r="G93" s="2"/>
      <c r="H93" s="2"/>
      <c r="I93" s="2"/>
      <c r="M93" s="14"/>
      <c r="N93" s="2"/>
    </row>
    <row r="94" spans="3:14" x14ac:dyDescent="0.25">
      <c r="C94" s="2"/>
      <c r="D94" s="2"/>
      <c r="E94" s="2"/>
      <c r="F94" s="2"/>
      <c r="G94" s="2"/>
      <c r="H94" s="2"/>
      <c r="I94" s="2"/>
      <c r="M94" s="14"/>
      <c r="N94" s="2"/>
    </row>
    <row r="95" spans="3:14" x14ac:dyDescent="0.25">
      <c r="C95" s="2"/>
      <c r="D95" s="2"/>
      <c r="E95" s="2"/>
      <c r="F95" s="2"/>
      <c r="G95" s="2"/>
      <c r="H95" s="2"/>
      <c r="I95" s="2"/>
      <c r="M95" s="14"/>
      <c r="N95" s="2"/>
    </row>
    <row r="96" spans="3:14" x14ac:dyDescent="0.25">
      <c r="C96" s="2"/>
      <c r="D96" s="2"/>
      <c r="E96" s="2"/>
      <c r="F96" s="2"/>
      <c r="G96" s="2"/>
      <c r="H96" s="2"/>
      <c r="I96" s="2"/>
      <c r="M96" s="14"/>
      <c r="N96" s="2"/>
    </row>
    <row r="97" spans="3:14" x14ac:dyDescent="0.25">
      <c r="C97" s="2"/>
      <c r="D97" s="2"/>
      <c r="E97" s="2"/>
      <c r="F97" s="2"/>
      <c r="G97" s="2"/>
      <c r="H97" s="2"/>
      <c r="I97" s="2"/>
      <c r="M97" s="14"/>
      <c r="N97" s="2"/>
    </row>
    <row r="98" spans="3:14" x14ac:dyDescent="0.25">
      <c r="C98" s="2"/>
      <c r="D98" s="2"/>
      <c r="E98" s="2"/>
      <c r="F98" s="2"/>
      <c r="G98" s="2"/>
      <c r="H98" s="2"/>
      <c r="I98" s="2"/>
      <c r="M98" s="14"/>
      <c r="N98" s="2"/>
    </row>
    <row r="99" spans="3:14" x14ac:dyDescent="0.25">
      <c r="C99" s="2"/>
      <c r="D99" s="2"/>
      <c r="E99" s="2"/>
      <c r="F99" s="2"/>
      <c r="G99" s="2"/>
      <c r="H99" s="2"/>
      <c r="I99" s="2"/>
      <c r="M99" s="14"/>
      <c r="N99" s="2"/>
    </row>
    <row r="100" spans="3:14" x14ac:dyDescent="0.25">
      <c r="C100" s="2"/>
      <c r="D100" s="2"/>
      <c r="E100" s="2"/>
      <c r="F100" s="2"/>
      <c r="G100" s="2"/>
      <c r="H100" s="2"/>
      <c r="I100" s="2"/>
      <c r="M100" s="14"/>
      <c r="N100" s="2"/>
    </row>
    <row r="101" spans="3:14" x14ac:dyDescent="0.25">
      <c r="C101" s="2"/>
      <c r="D101" s="2"/>
      <c r="E101" s="2"/>
      <c r="F101" s="2"/>
      <c r="G101" s="2"/>
      <c r="H101" s="2"/>
      <c r="I101" s="2"/>
      <c r="M101" s="14"/>
      <c r="N101" s="2"/>
    </row>
    <row r="102" spans="3:14" x14ac:dyDescent="0.25">
      <c r="C102" s="2"/>
      <c r="D102" s="2"/>
      <c r="E102" s="2"/>
      <c r="F102" s="2"/>
      <c r="G102" s="2"/>
      <c r="H102" s="2"/>
      <c r="I102" s="2"/>
      <c r="M102" s="14"/>
      <c r="N102" s="2"/>
    </row>
    <row r="103" spans="3:14" x14ac:dyDescent="0.25">
      <c r="C103" s="2"/>
      <c r="D103" s="2"/>
      <c r="E103" s="2"/>
      <c r="F103" s="2"/>
      <c r="G103" s="2"/>
      <c r="H103" s="2"/>
      <c r="I103" s="2"/>
      <c r="M103" s="14"/>
      <c r="N103" s="2"/>
    </row>
    <row r="104" spans="3:14" x14ac:dyDescent="0.25">
      <c r="C104" s="2"/>
      <c r="D104" s="2"/>
      <c r="E104" s="2"/>
      <c r="F104" s="2"/>
      <c r="G104" s="2"/>
      <c r="H104" s="2"/>
      <c r="I104" s="2"/>
      <c r="M104" s="14"/>
      <c r="N104" s="2"/>
    </row>
    <row r="105" spans="3:14" x14ac:dyDescent="0.25">
      <c r="C105" s="2"/>
      <c r="D105" s="2"/>
      <c r="E105" s="2"/>
      <c r="F105" s="2"/>
      <c r="G105" s="2"/>
      <c r="H105" s="2"/>
      <c r="I105" s="2"/>
      <c r="M105" s="14"/>
      <c r="N105" s="2"/>
    </row>
    <row r="106" spans="3:14" x14ac:dyDescent="0.25">
      <c r="C106" s="2"/>
      <c r="D106" s="2"/>
      <c r="E106" s="2"/>
      <c r="F106" s="2"/>
      <c r="G106" s="2"/>
      <c r="H106" s="2"/>
      <c r="I106" s="2"/>
      <c r="M106" s="14"/>
      <c r="N106" s="2"/>
    </row>
    <row r="107" spans="3:14" x14ac:dyDescent="0.25">
      <c r="C107" s="2"/>
      <c r="D107" s="2"/>
      <c r="E107" s="2"/>
      <c r="F107" s="2"/>
      <c r="G107" s="2"/>
      <c r="H107" s="2"/>
      <c r="I107" s="2"/>
      <c r="M107" s="14"/>
      <c r="N107" s="2"/>
    </row>
    <row r="108" spans="3:14" x14ac:dyDescent="0.25">
      <c r="C108" s="2"/>
      <c r="D108" s="2"/>
      <c r="E108" s="2"/>
      <c r="F108" s="2"/>
      <c r="G108" s="2"/>
      <c r="H108" s="2"/>
      <c r="I108" s="2"/>
      <c r="M108" s="14"/>
      <c r="N108" s="2"/>
    </row>
    <row r="109" spans="3:14" x14ac:dyDescent="0.25">
      <c r="C109" s="2"/>
      <c r="D109" s="2"/>
      <c r="E109" s="2"/>
      <c r="F109" s="2"/>
      <c r="G109" s="2"/>
      <c r="H109" s="2"/>
      <c r="I109" s="2"/>
      <c r="M109" s="14"/>
      <c r="N109" s="2"/>
    </row>
    <row r="110" spans="3:14" x14ac:dyDescent="0.25">
      <c r="C110" s="2"/>
      <c r="D110" s="2"/>
      <c r="E110" s="2"/>
      <c r="F110" s="2"/>
      <c r="G110" s="2"/>
      <c r="H110" s="2"/>
      <c r="I110" s="2"/>
      <c r="M110" s="14"/>
      <c r="N110" s="2"/>
    </row>
    <row r="111" spans="3:14" x14ac:dyDescent="0.25">
      <c r="C111" s="2"/>
      <c r="D111" s="2"/>
      <c r="E111" s="2"/>
      <c r="F111" s="2"/>
      <c r="G111" s="2"/>
      <c r="H111" s="2"/>
      <c r="I111" s="2"/>
      <c r="M111" s="14"/>
      <c r="N111" s="2"/>
    </row>
    <row r="112" spans="3:14" x14ac:dyDescent="0.25">
      <c r="C112" s="2"/>
      <c r="D112" s="2"/>
      <c r="E112" s="2"/>
      <c r="F112" s="2"/>
      <c r="G112" s="2"/>
      <c r="H112" s="2"/>
      <c r="I112" s="2"/>
      <c r="M112" s="14"/>
      <c r="N112" s="2"/>
    </row>
    <row r="113" spans="3:14" x14ac:dyDescent="0.25">
      <c r="C113" s="2"/>
      <c r="D113" s="2"/>
      <c r="E113" s="2"/>
      <c r="F113" s="2"/>
      <c r="G113" s="2"/>
      <c r="H113" s="2"/>
      <c r="I113" s="2"/>
      <c r="M113" s="14"/>
      <c r="N113" s="2"/>
    </row>
    <row r="114" spans="3:14" x14ac:dyDescent="0.25">
      <c r="C114" s="2"/>
      <c r="D114" s="2"/>
      <c r="E114" s="2"/>
      <c r="F114" s="2"/>
      <c r="G114" s="2"/>
      <c r="H114" s="2"/>
      <c r="I114" s="2"/>
      <c r="M114" s="14"/>
      <c r="N114" s="2"/>
    </row>
  </sheetData>
  <autoFilter ref="B6:L6" xr:uid="{B50DFCEA-9056-4364-B33B-7841E8D195B9}"/>
  <mergeCells count="4">
    <mergeCell ref="B11:N11"/>
    <mergeCell ref="B7:N7"/>
    <mergeCell ref="C1:N5"/>
    <mergeCell ref="B1:B5"/>
  </mergeCells>
  <dataValidations count="1">
    <dataValidation type="list" allowBlank="1" showInputMessage="1" showErrorMessage="1" sqref="G12 G14:G18 G8:G10" xr:uid="{9DA2A45A-E511-4B7D-9854-E4C793A6C8B5}">
      <formula1>"Social, Environment"</formula1>
    </dataValidation>
  </dataValidations>
  <hyperlinks>
    <hyperlink ref="N8" r:id="rId1" display="https://www.legislation.gov.au/C2018A00153/latest/text" xr:uid="{64CF1988-0F17-40B1-807F-2CF6B7A6B5AA}"/>
    <hyperlink ref="N9" r:id="rId2" display="https://faolex.fao.org/docs/pdf/aus158000.pdf" xr:uid="{5C4D0B53-3566-4E36-8FB8-688A88CD07BE}"/>
    <hyperlink ref="N12" r:id="rId3" display="https://www.legislation.govt.nz/act/public/1949/0019/latest/DLM255626.html" xr:uid="{DC97300A-4AE7-4BF7-9AF4-BE03A5D3E9D7}"/>
    <hyperlink ref="N10" r:id="rId4" display="https://www.aph.gov.au/Parliamentary_Business/Bills_Legislation/Bills_Search_Results/Result?bId=r7176" xr:uid="{5F4E6567-2BC5-4C3D-A7EB-498E3312AF98}"/>
  </hyperlinks>
  <pageMargins left="0.7" right="0.7" top="0.75" bottom="0.75" header="0.3" footer="0.3"/>
  <pageSetup scale="52" fitToHeight="0" orientation="landscape" r:id="rId5"/>
  <drawing r:id="rId6"/>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6BB24FF-462B-4C5E-BBE4-B37282DD78A1}">
  <dimension ref="A1:N23"/>
  <sheetViews>
    <sheetView topLeftCell="B2" zoomScale="70" zoomScaleNormal="70" zoomScaleSheetLayoutView="90" workbookViewId="0">
      <selection activeCell="J4" sqref="J4"/>
    </sheetView>
  </sheetViews>
  <sheetFormatPr defaultColWidth="8.875" defaultRowHeight="15" x14ac:dyDescent="0.25"/>
  <cols>
    <col min="1" max="1" width="8.875" style="9" hidden="1" customWidth="1"/>
    <col min="2" max="2" width="41.875" style="8" customWidth="1"/>
    <col min="3" max="3" width="31.5" style="9" customWidth="1"/>
    <col min="4" max="4" width="9" style="9" customWidth="1"/>
    <col min="5" max="5" width="10.125" style="9" customWidth="1"/>
    <col min="6" max="6" width="11.875" style="9" customWidth="1"/>
    <col min="7" max="7" width="12.875" style="9" customWidth="1"/>
    <col min="8" max="8" width="14.125" style="9" customWidth="1"/>
    <col min="9" max="9" width="11" style="9" customWidth="1"/>
    <col min="10" max="10" width="83.375" style="1" customWidth="1"/>
    <col min="11" max="11" width="19.5" style="1" customWidth="1"/>
    <col min="12" max="12" width="26.125" style="1" customWidth="1"/>
    <col min="13" max="13" width="19.125" style="1" customWidth="1"/>
    <col min="14" max="14" width="18.875" style="9" customWidth="1"/>
    <col min="15" max="16384" width="8.875" style="9"/>
  </cols>
  <sheetData>
    <row r="1" spans="2:14" s="8" customFormat="1" ht="84" customHeight="1" x14ac:dyDescent="0.25">
      <c r="B1" s="239"/>
      <c r="C1" s="280" t="s">
        <v>516</v>
      </c>
      <c r="D1" s="280"/>
      <c r="E1" s="280"/>
      <c r="F1" s="280"/>
      <c r="G1" s="280"/>
      <c r="H1" s="280"/>
      <c r="I1" s="280"/>
      <c r="J1" s="280"/>
      <c r="K1" s="280"/>
      <c r="L1" s="280"/>
      <c r="M1" s="280"/>
      <c r="N1" s="280"/>
    </row>
    <row r="2" spans="2:14" s="8" customFormat="1" ht="54" customHeight="1" x14ac:dyDescent="0.25">
      <c r="B2" s="238" t="s">
        <v>7</v>
      </c>
      <c r="C2" s="236" t="s">
        <v>8</v>
      </c>
      <c r="D2" s="236" t="s">
        <v>59</v>
      </c>
      <c r="E2" s="236" t="s">
        <v>1</v>
      </c>
      <c r="F2" s="236" t="s">
        <v>6</v>
      </c>
      <c r="G2" s="236" t="s">
        <v>9</v>
      </c>
      <c r="H2" s="236" t="s">
        <v>12</v>
      </c>
      <c r="I2" s="236" t="s">
        <v>56</v>
      </c>
      <c r="J2" s="236" t="s">
        <v>5</v>
      </c>
      <c r="K2" s="236" t="s">
        <v>15</v>
      </c>
      <c r="L2" s="236" t="s">
        <v>16</v>
      </c>
      <c r="M2" s="236" t="s">
        <v>79</v>
      </c>
      <c r="N2" s="237" t="s">
        <v>10</v>
      </c>
    </row>
    <row r="3" spans="2:14" ht="278.85000000000002" customHeight="1" x14ac:dyDescent="0.25">
      <c r="B3" s="131" t="s">
        <v>125</v>
      </c>
      <c r="C3" s="80" t="s">
        <v>412</v>
      </c>
      <c r="D3" s="79">
        <v>45474</v>
      </c>
      <c r="E3" s="80" t="s">
        <v>33</v>
      </c>
      <c r="F3" s="80" t="s">
        <v>31</v>
      </c>
      <c r="G3" s="29" t="s">
        <v>259</v>
      </c>
      <c r="H3" s="35" t="s">
        <v>260</v>
      </c>
      <c r="I3" s="78" t="s">
        <v>80</v>
      </c>
      <c r="J3" s="36" t="s">
        <v>413</v>
      </c>
      <c r="K3" s="36" t="s">
        <v>84</v>
      </c>
      <c r="L3" s="36" t="s">
        <v>414</v>
      </c>
      <c r="M3" s="36" t="s">
        <v>178</v>
      </c>
      <c r="N3" s="244" t="s">
        <v>128</v>
      </c>
    </row>
    <row r="4" spans="2:14" ht="375" customHeight="1" x14ac:dyDescent="0.25">
      <c r="B4" s="131" t="s">
        <v>125</v>
      </c>
      <c r="C4" s="78" t="s">
        <v>235</v>
      </c>
      <c r="D4" s="81">
        <v>45474</v>
      </c>
      <c r="E4" s="78" t="s">
        <v>33</v>
      </c>
      <c r="F4" s="78" t="s">
        <v>31</v>
      </c>
      <c r="G4" s="29" t="s">
        <v>259</v>
      </c>
      <c r="H4" s="78" t="s">
        <v>122</v>
      </c>
      <c r="I4" s="35" t="s">
        <v>67</v>
      </c>
      <c r="J4" s="36" t="s">
        <v>553</v>
      </c>
      <c r="K4" s="36" t="s">
        <v>261</v>
      </c>
      <c r="L4" s="36" t="s">
        <v>415</v>
      </c>
      <c r="M4" s="36" t="s">
        <v>178</v>
      </c>
      <c r="N4" s="244" t="s">
        <v>236</v>
      </c>
    </row>
    <row r="5" spans="2:14" ht="280.5" customHeight="1" x14ac:dyDescent="0.25">
      <c r="B5" s="131" t="s">
        <v>125</v>
      </c>
      <c r="C5" s="80" t="s">
        <v>124</v>
      </c>
      <c r="D5" s="79">
        <v>45108</v>
      </c>
      <c r="E5" s="80" t="s">
        <v>33</v>
      </c>
      <c r="F5" s="80" t="s">
        <v>31</v>
      </c>
      <c r="G5" s="80" t="s">
        <v>127</v>
      </c>
      <c r="H5" s="78" t="s">
        <v>289</v>
      </c>
      <c r="I5" s="35" t="s">
        <v>156</v>
      </c>
      <c r="J5" s="36" t="s">
        <v>554</v>
      </c>
      <c r="K5" s="36" t="s">
        <v>84</v>
      </c>
      <c r="L5" s="36" t="s">
        <v>416</v>
      </c>
      <c r="M5" s="36" t="s">
        <v>178</v>
      </c>
      <c r="N5" s="244" t="s">
        <v>342</v>
      </c>
    </row>
    <row r="6" spans="2:14" ht="408.6" customHeight="1" x14ac:dyDescent="0.25">
      <c r="B6" s="131" t="s">
        <v>125</v>
      </c>
      <c r="C6" s="80" t="s">
        <v>417</v>
      </c>
      <c r="D6" s="79">
        <v>45078</v>
      </c>
      <c r="E6" s="80" t="s">
        <v>33</v>
      </c>
      <c r="F6" s="80" t="s">
        <v>31</v>
      </c>
      <c r="G6" s="80" t="s">
        <v>127</v>
      </c>
      <c r="H6" s="78" t="s">
        <v>58</v>
      </c>
      <c r="I6" s="35" t="s">
        <v>156</v>
      </c>
      <c r="J6" s="36" t="s">
        <v>555</v>
      </c>
      <c r="K6" s="36" t="s">
        <v>84</v>
      </c>
      <c r="L6" s="36" t="s">
        <v>418</v>
      </c>
      <c r="M6" s="36" t="s">
        <v>178</v>
      </c>
      <c r="N6" s="244" t="s">
        <v>337</v>
      </c>
    </row>
    <row r="7" spans="2:14" ht="222" customHeight="1" x14ac:dyDescent="0.25">
      <c r="B7" s="131" t="s">
        <v>125</v>
      </c>
      <c r="C7" s="80" t="s">
        <v>126</v>
      </c>
      <c r="D7" s="79">
        <v>40452</v>
      </c>
      <c r="E7" s="80" t="s">
        <v>33</v>
      </c>
      <c r="F7" s="80" t="s">
        <v>31</v>
      </c>
      <c r="G7" s="80" t="s">
        <v>127</v>
      </c>
      <c r="H7" s="78" t="s">
        <v>58</v>
      </c>
      <c r="I7" s="78" t="s">
        <v>116</v>
      </c>
      <c r="J7" s="36" t="s">
        <v>290</v>
      </c>
      <c r="K7" s="36" t="s">
        <v>30</v>
      </c>
      <c r="L7" s="36" t="s">
        <v>130</v>
      </c>
      <c r="M7" s="36" t="s">
        <v>60</v>
      </c>
      <c r="N7" s="244" t="s">
        <v>129</v>
      </c>
    </row>
    <row r="8" spans="2:14" ht="222.75" customHeight="1" x14ac:dyDescent="0.25">
      <c r="B8" s="131" t="s">
        <v>125</v>
      </c>
      <c r="C8" s="80" t="s">
        <v>131</v>
      </c>
      <c r="D8" s="79">
        <v>42856</v>
      </c>
      <c r="E8" s="80" t="s">
        <v>33</v>
      </c>
      <c r="F8" s="80" t="s">
        <v>31</v>
      </c>
      <c r="G8" s="80" t="s">
        <v>127</v>
      </c>
      <c r="H8" s="78" t="s">
        <v>74</v>
      </c>
      <c r="I8" s="35" t="s">
        <v>156</v>
      </c>
      <c r="J8" s="36" t="s">
        <v>419</v>
      </c>
      <c r="K8" s="36" t="s">
        <v>38</v>
      </c>
      <c r="L8" s="36" t="s">
        <v>132</v>
      </c>
      <c r="M8" s="36" t="s">
        <v>179</v>
      </c>
      <c r="N8" s="244" t="s">
        <v>420</v>
      </c>
    </row>
    <row r="9" spans="2:14" ht="180.75" customHeight="1" x14ac:dyDescent="0.25">
      <c r="B9" s="131" t="s">
        <v>125</v>
      </c>
      <c r="C9" s="80" t="s">
        <v>133</v>
      </c>
      <c r="D9" s="79">
        <v>45597</v>
      </c>
      <c r="E9" s="80" t="s">
        <v>33</v>
      </c>
      <c r="F9" s="80" t="s">
        <v>31</v>
      </c>
      <c r="G9" s="80" t="s">
        <v>13</v>
      </c>
      <c r="H9" s="78" t="s">
        <v>136</v>
      </c>
      <c r="I9" s="78" t="s">
        <v>116</v>
      </c>
      <c r="J9" s="36" t="s">
        <v>421</v>
      </c>
      <c r="K9" s="36" t="s">
        <v>30</v>
      </c>
      <c r="L9" s="36" t="s">
        <v>137</v>
      </c>
      <c r="M9" s="36" t="s">
        <v>178</v>
      </c>
      <c r="N9" s="244" t="s">
        <v>135</v>
      </c>
    </row>
    <row r="10" spans="2:14" ht="284.25" customHeight="1" x14ac:dyDescent="0.25">
      <c r="B10" s="131" t="s">
        <v>125</v>
      </c>
      <c r="C10" s="80" t="s">
        <v>143</v>
      </c>
      <c r="D10" s="79">
        <v>37591</v>
      </c>
      <c r="E10" s="80" t="s">
        <v>33</v>
      </c>
      <c r="F10" s="80" t="s">
        <v>31</v>
      </c>
      <c r="G10" s="80" t="s">
        <v>151</v>
      </c>
      <c r="H10" s="78" t="s">
        <v>74</v>
      </c>
      <c r="I10" s="35" t="s">
        <v>156</v>
      </c>
      <c r="J10" s="36" t="s">
        <v>422</v>
      </c>
      <c r="K10" s="36" t="s">
        <v>423</v>
      </c>
      <c r="L10" s="36" t="s">
        <v>139</v>
      </c>
      <c r="M10" s="36" t="s">
        <v>60</v>
      </c>
      <c r="N10" s="244" t="s">
        <v>138</v>
      </c>
    </row>
    <row r="11" spans="2:14" ht="213" customHeight="1" x14ac:dyDescent="0.25">
      <c r="B11" s="131" t="s">
        <v>125</v>
      </c>
      <c r="C11" s="80" t="s">
        <v>134</v>
      </c>
      <c r="D11" s="79">
        <v>45323</v>
      </c>
      <c r="E11" s="80" t="s">
        <v>33</v>
      </c>
      <c r="F11" s="80" t="s">
        <v>26</v>
      </c>
      <c r="G11" s="80" t="s">
        <v>127</v>
      </c>
      <c r="H11" s="78" t="s">
        <v>58</v>
      </c>
      <c r="I11" s="78" t="s">
        <v>30</v>
      </c>
      <c r="J11" s="36" t="s">
        <v>424</v>
      </c>
      <c r="K11" s="36" t="s">
        <v>30</v>
      </c>
      <c r="L11" s="36" t="s">
        <v>425</v>
      </c>
      <c r="M11" s="36" t="s">
        <v>72</v>
      </c>
      <c r="N11" s="244" t="s">
        <v>140</v>
      </c>
    </row>
    <row r="12" spans="2:14" ht="211.5" customHeight="1" x14ac:dyDescent="0.25">
      <c r="B12" s="131" t="s">
        <v>125</v>
      </c>
      <c r="C12" s="80" t="s">
        <v>170</v>
      </c>
      <c r="D12" s="79">
        <v>44348</v>
      </c>
      <c r="E12" s="80" t="s">
        <v>33</v>
      </c>
      <c r="F12" s="80" t="s">
        <v>141</v>
      </c>
      <c r="G12" s="80" t="s">
        <v>127</v>
      </c>
      <c r="H12" s="78" t="s">
        <v>58</v>
      </c>
      <c r="I12" s="78" t="s">
        <v>30</v>
      </c>
      <c r="J12" s="36" t="s">
        <v>426</v>
      </c>
      <c r="K12" s="36" t="s">
        <v>172</v>
      </c>
      <c r="L12" s="36" t="s">
        <v>427</v>
      </c>
      <c r="M12" s="36" t="s">
        <v>60</v>
      </c>
      <c r="N12" s="244" t="s">
        <v>142</v>
      </c>
    </row>
    <row r="13" spans="2:14" ht="226.5" customHeight="1" x14ac:dyDescent="0.25">
      <c r="B13" s="132" t="s">
        <v>125</v>
      </c>
      <c r="C13" s="133" t="s">
        <v>171</v>
      </c>
      <c r="D13" s="134">
        <v>45017</v>
      </c>
      <c r="E13" s="133" t="s">
        <v>33</v>
      </c>
      <c r="F13" s="133" t="s">
        <v>141</v>
      </c>
      <c r="G13" s="133" t="s">
        <v>127</v>
      </c>
      <c r="H13" s="111" t="s">
        <v>58</v>
      </c>
      <c r="I13" s="111" t="s">
        <v>30</v>
      </c>
      <c r="J13" s="41" t="s">
        <v>428</v>
      </c>
      <c r="K13" s="41" t="s">
        <v>172</v>
      </c>
      <c r="L13" s="41" t="s">
        <v>429</v>
      </c>
      <c r="M13" s="41" t="s">
        <v>60</v>
      </c>
      <c r="N13" s="247" t="s">
        <v>144</v>
      </c>
    </row>
    <row r="14" spans="2:14" x14ac:dyDescent="0.25">
      <c r="B14" s="128"/>
      <c r="C14" s="129"/>
      <c r="D14" s="129"/>
      <c r="E14" s="129"/>
      <c r="F14" s="129"/>
      <c r="G14" s="129"/>
      <c r="H14" s="129"/>
      <c r="I14" s="129"/>
      <c r="J14" s="130"/>
      <c r="K14" s="130"/>
      <c r="L14" s="130"/>
      <c r="M14" s="130"/>
      <c r="N14" s="129"/>
    </row>
    <row r="15" spans="2:14" x14ac:dyDescent="0.25">
      <c r="B15" s="10"/>
      <c r="C15" s="11"/>
      <c r="D15" s="11"/>
      <c r="E15" s="11"/>
      <c r="F15" s="11"/>
      <c r="G15" s="11"/>
      <c r="H15" s="11"/>
      <c r="I15" s="11"/>
      <c r="J15" s="12"/>
      <c r="K15" s="12"/>
      <c r="L15" s="12"/>
      <c r="M15" s="12"/>
      <c r="N15" s="11"/>
    </row>
    <row r="16" spans="2:14" x14ac:dyDescent="0.25">
      <c r="B16" s="10"/>
      <c r="C16" s="11"/>
      <c r="D16" s="11"/>
      <c r="E16" s="11"/>
      <c r="F16" s="11"/>
      <c r="G16" s="11"/>
      <c r="H16" s="11"/>
      <c r="I16" s="11"/>
      <c r="J16" s="12"/>
      <c r="K16" s="12"/>
      <c r="L16" s="12"/>
      <c r="M16" s="12"/>
      <c r="N16" s="11"/>
    </row>
    <row r="17" spans="2:14" x14ac:dyDescent="0.25">
      <c r="B17" s="10"/>
      <c r="C17" s="11"/>
      <c r="D17" s="11"/>
      <c r="E17" s="11"/>
      <c r="F17" s="11"/>
      <c r="G17" s="11"/>
      <c r="H17" s="11"/>
      <c r="I17" s="11"/>
      <c r="J17" s="12"/>
      <c r="K17" s="12"/>
      <c r="L17" s="12"/>
      <c r="M17" s="12"/>
      <c r="N17" s="11"/>
    </row>
    <row r="18" spans="2:14" x14ac:dyDescent="0.25">
      <c r="B18" s="10"/>
      <c r="C18" s="11"/>
      <c r="D18" s="11"/>
      <c r="E18" s="11"/>
      <c r="F18" s="11"/>
      <c r="G18" s="11"/>
      <c r="H18" s="11"/>
      <c r="I18" s="11"/>
      <c r="J18" s="12"/>
      <c r="K18" s="12"/>
      <c r="L18" s="12"/>
      <c r="M18" s="12"/>
      <c r="N18" s="11"/>
    </row>
    <row r="19" spans="2:14" x14ac:dyDescent="0.25">
      <c r="B19" s="10"/>
      <c r="C19" s="11"/>
      <c r="D19" s="11"/>
      <c r="E19" s="11"/>
      <c r="F19" s="11"/>
      <c r="G19" s="11"/>
      <c r="H19" s="11"/>
      <c r="I19" s="11"/>
      <c r="J19" s="12"/>
      <c r="K19" s="12"/>
      <c r="L19" s="12"/>
      <c r="M19" s="12"/>
      <c r="N19" s="11"/>
    </row>
    <row r="20" spans="2:14" x14ac:dyDescent="0.25">
      <c r="B20" s="10"/>
      <c r="C20" s="11"/>
      <c r="D20" s="11"/>
      <c r="E20" s="11"/>
      <c r="F20" s="11"/>
      <c r="G20" s="11"/>
      <c r="H20" s="11"/>
      <c r="I20" s="11"/>
      <c r="J20" s="12"/>
      <c r="K20" s="12"/>
      <c r="L20" s="12"/>
      <c r="M20" s="12"/>
      <c r="N20" s="11"/>
    </row>
    <row r="21" spans="2:14" x14ac:dyDescent="0.25">
      <c r="B21" s="10"/>
      <c r="C21" s="11"/>
      <c r="D21" s="11"/>
      <c r="E21" s="11"/>
      <c r="F21" s="11"/>
      <c r="G21" s="11"/>
      <c r="H21" s="11"/>
      <c r="I21" s="11"/>
      <c r="J21" s="12"/>
      <c r="K21" s="12"/>
      <c r="L21" s="12"/>
      <c r="M21" s="12"/>
      <c r="N21" s="11"/>
    </row>
    <row r="22" spans="2:14" x14ac:dyDescent="0.25">
      <c r="B22" s="13"/>
      <c r="C22" s="11"/>
      <c r="D22" s="11"/>
      <c r="E22" s="11"/>
      <c r="F22" s="11"/>
      <c r="G22" s="11"/>
      <c r="H22" s="11"/>
      <c r="I22" s="11"/>
      <c r="J22" s="12"/>
      <c r="K22" s="12"/>
      <c r="L22" s="12"/>
      <c r="M22" s="12"/>
      <c r="N22" s="11"/>
    </row>
    <row r="23" spans="2:14" x14ac:dyDescent="0.25">
      <c r="B23" s="13"/>
      <c r="C23" s="11"/>
      <c r="D23" s="11"/>
      <c r="E23" s="11"/>
      <c r="F23" s="11"/>
      <c r="G23" s="11"/>
      <c r="H23" s="11"/>
      <c r="I23" s="11"/>
      <c r="J23" s="12"/>
      <c r="K23" s="12"/>
      <c r="L23" s="12"/>
      <c r="M23" s="12"/>
      <c r="N23" s="11"/>
    </row>
  </sheetData>
  <mergeCells count="1">
    <mergeCell ref="C1:N1"/>
  </mergeCells>
  <hyperlinks>
    <hyperlink ref="N5" r:id="rId1" display="https://eur-lex.europa.eu/eli/reg/2023/1542/oj/eng" xr:uid="{80C5D2A8-4218-43A5-A737-4D99D4B6366D}"/>
    <hyperlink ref="N6" r:id="rId2" display="https://eur-lex.europa.eu/eli/reg/2023/1115/oj/eng" xr:uid="{DA81619A-DC8D-4C84-86C8-62F1B9A86EBD}"/>
    <hyperlink ref="N3" r:id="rId3" display="https://eur-lex.europa.eu/eli/dir/2024/1760/oj/eng" xr:uid="{9A92F3A3-C88E-483A-9119-3AA153121230}"/>
    <hyperlink ref="N7" r:id="rId4" location=":~:text=Article%204Obligations%20of%20operators&amp;text=Operators%20shall%20exercise%20due%20diligence,set%20out%20in%20Article%206." display="https://www.legislation.gov.uk/eur/2010/995 - :~:text=Article%204Obligations%20of%20operators&amp;text=Operators%20shall%20exercise%20due%20diligence,set%20out%20in%20Article%206." xr:uid="{11CE1394-28C2-42A6-94AD-12198A29002F}"/>
    <hyperlink ref="N8" r:id="rId5" display="https://eur-lex.europa.eu/eli/reg/2017/821/oj/eng" xr:uid="{3F10DC2D-EC6B-4EC2-9A17-5B860C6FDA9B}"/>
    <hyperlink ref="N9" r:id="rId6" display="https://eur-lex.europa.eu/eli/reg/2024/3015/oj/eng" xr:uid="{8D5DDFAB-E4C0-4220-A3DB-9CF27CF20C49}"/>
    <hyperlink ref="N10" r:id="rId7" display="https://eur-lex.europa.eu/eli/reg/2002/2368/oj/eng" xr:uid="{0C762925-A960-4FAC-915F-089C138621E9}"/>
    <hyperlink ref="N11" r:id="rId8" display="https://eur-lex.europa.eu/legal-content/EN/TXT/?uri=CELEX%3A32024D1412" xr:uid="{E9438FCA-6599-4EC6-B99D-328DAC801A59}"/>
    <hyperlink ref="N12" r:id="rId9" display="https://eur-lex.europa.eu/eli/agree_internation/2021/964/oj/eng" xr:uid="{3E818A46-5FB5-4CD2-A395-5ACE51ED5698}"/>
    <hyperlink ref="N13" r:id="rId10" display="https://eur-lex.europa.eu/eli/dec/2023/904/oj/eng" xr:uid="{7C492890-F0A0-491B-BB80-E23CE47F1275}"/>
    <hyperlink ref="N4" r:id="rId11" display="https://eur-lex.europa.eu/legal-content/EN/TXT/?uri=CELEX:32022L2464" xr:uid="{3A02A80C-7F5C-4D07-9993-073F112F5FC4}"/>
  </hyperlinks>
  <pageMargins left="0.7" right="0.7" top="0.75" bottom="0.75" header="0.3" footer="0.3"/>
  <pageSetup paperSize="9" orientation="portrait" r:id="rId12"/>
  <drawing r:id="rId13"/>
</worksheet>
</file>

<file path=xl/worksheets/sheet7.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974FE77-BB67-4E04-973D-A3AA7A08CE90}">
  <sheetPr>
    <pageSetUpPr fitToPage="1"/>
  </sheetPr>
  <dimension ref="A1:N107"/>
  <sheetViews>
    <sheetView showGridLines="0" topLeftCell="B1" zoomScale="70" zoomScaleNormal="70" workbookViewId="0">
      <pane ySplit="6" topLeftCell="A7" activePane="bottomLeft" state="frozen"/>
      <selection pane="bottomLeft" activeCell="B8" sqref="B8"/>
    </sheetView>
  </sheetViews>
  <sheetFormatPr defaultColWidth="8.875" defaultRowHeight="15" x14ac:dyDescent="0.25"/>
  <cols>
    <col min="1" max="1" width="8.875" style="7" hidden="1" customWidth="1"/>
    <col min="2" max="2" width="41.875" style="21" customWidth="1"/>
    <col min="3" max="3" width="25" style="63" customWidth="1"/>
    <col min="4" max="4" width="11.125" style="64" customWidth="1"/>
    <col min="5" max="5" width="17.875" style="64" customWidth="1"/>
    <col min="6" max="6" width="13.125" style="64" customWidth="1"/>
    <col min="7" max="7" width="17.5" style="65" customWidth="1"/>
    <col min="8" max="8" width="14.375" style="65" customWidth="1"/>
    <col min="9" max="9" width="16.5" style="65" customWidth="1"/>
    <col min="10" max="10" width="56.5" style="42" customWidth="1"/>
    <col min="11" max="11" width="20.5" style="42" customWidth="1"/>
    <col min="12" max="12" width="36.125" style="42" customWidth="1"/>
    <col min="13" max="13" width="17.5" style="66" customWidth="1"/>
    <col min="14" max="14" width="33.5" style="65" customWidth="1"/>
    <col min="15" max="16384" width="8.875" style="28"/>
  </cols>
  <sheetData>
    <row r="1" spans="2:14" s="28" customFormat="1" ht="14.25" x14ac:dyDescent="0.2">
      <c r="B1" s="264"/>
      <c r="C1" s="263" t="s">
        <v>515</v>
      </c>
      <c r="D1" s="263"/>
      <c r="E1" s="263"/>
      <c r="F1" s="263"/>
      <c r="G1" s="263"/>
      <c r="H1" s="263"/>
      <c r="I1" s="263"/>
      <c r="J1" s="263"/>
      <c r="K1" s="263"/>
      <c r="L1" s="263"/>
      <c r="M1" s="263"/>
      <c r="N1" s="263"/>
    </row>
    <row r="2" spans="2:14" s="28" customFormat="1" ht="30" customHeight="1" x14ac:dyDescent="0.2">
      <c r="B2" s="264"/>
      <c r="C2" s="263"/>
      <c r="D2" s="263"/>
      <c r="E2" s="263"/>
      <c r="F2" s="263"/>
      <c r="G2" s="263"/>
      <c r="H2" s="263"/>
      <c r="I2" s="263"/>
      <c r="J2" s="263"/>
      <c r="K2" s="263"/>
      <c r="L2" s="263"/>
      <c r="M2" s="263"/>
      <c r="N2" s="263"/>
    </row>
    <row r="3" spans="2:14" s="28" customFormat="1" ht="7.5" customHeight="1" x14ac:dyDescent="0.2">
      <c r="B3" s="264"/>
      <c r="C3" s="263"/>
      <c r="D3" s="263"/>
      <c r="E3" s="263"/>
      <c r="F3" s="263"/>
      <c r="G3" s="263"/>
      <c r="H3" s="263"/>
      <c r="I3" s="263"/>
      <c r="J3" s="263"/>
      <c r="K3" s="263"/>
      <c r="L3" s="263"/>
      <c r="M3" s="263"/>
      <c r="N3" s="263"/>
    </row>
    <row r="4" spans="2:14" s="28" customFormat="1" ht="14.25" x14ac:dyDescent="0.2">
      <c r="B4" s="264"/>
      <c r="C4" s="263"/>
      <c r="D4" s="263"/>
      <c r="E4" s="263"/>
      <c r="F4" s="263"/>
      <c r="G4" s="263"/>
      <c r="H4" s="263"/>
      <c r="I4" s="263"/>
      <c r="J4" s="263"/>
      <c r="K4" s="263"/>
      <c r="L4" s="263"/>
      <c r="M4" s="263"/>
      <c r="N4" s="263"/>
    </row>
    <row r="5" spans="2:14" s="28" customFormat="1" ht="20.100000000000001" customHeight="1" x14ac:dyDescent="0.2">
      <c r="B5" s="264"/>
      <c r="C5" s="263"/>
      <c r="D5" s="263"/>
      <c r="E5" s="263"/>
      <c r="F5" s="263"/>
      <c r="G5" s="263"/>
      <c r="H5" s="263"/>
      <c r="I5" s="263"/>
      <c r="J5" s="263"/>
      <c r="K5" s="263"/>
      <c r="L5" s="263"/>
      <c r="M5" s="263"/>
      <c r="N5" s="263"/>
    </row>
    <row r="6" spans="2:14" s="23" customFormat="1" ht="61.5" customHeight="1" x14ac:dyDescent="0.25">
      <c r="B6" s="94" t="s">
        <v>7</v>
      </c>
      <c r="C6" s="95" t="s">
        <v>8</v>
      </c>
      <c r="D6" s="95" t="s">
        <v>59</v>
      </c>
      <c r="E6" s="95" t="s">
        <v>1</v>
      </c>
      <c r="F6" s="95" t="s">
        <v>6</v>
      </c>
      <c r="G6" s="95" t="s">
        <v>9</v>
      </c>
      <c r="H6" s="95" t="s">
        <v>12</v>
      </c>
      <c r="I6" s="95" t="s">
        <v>56</v>
      </c>
      <c r="J6" s="95" t="s">
        <v>5</v>
      </c>
      <c r="K6" s="95" t="s">
        <v>15</v>
      </c>
      <c r="L6" s="95" t="s">
        <v>16</v>
      </c>
      <c r="M6" s="95" t="s">
        <v>79</v>
      </c>
      <c r="N6" s="96" t="s">
        <v>10</v>
      </c>
    </row>
    <row r="7" spans="2:14" s="23" customFormat="1" ht="27" customHeight="1" x14ac:dyDescent="0.25">
      <c r="B7" s="272" t="s">
        <v>199</v>
      </c>
      <c r="C7" s="273"/>
      <c r="D7" s="273"/>
      <c r="E7" s="273"/>
      <c r="F7" s="273"/>
      <c r="G7" s="273"/>
      <c r="H7" s="273"/>
      <c r="I7" s="273"/>
      <c r="J7" s="273"/>
      <c r="K7" s="273"/>
      <c r="L7" s="273"/>
      <c r="M7" s="273"/>
      <c r="N7" s="274"/>
    </row>
    <row r="8" spans="2:14" s="28" customFormat="1" ht="222.6" customHeight="1" x14ac:dyDescent="0.2">
      <c r="B8" s="172" t="s">
        <v>552</v>
      </c>
      <c r="C8" s="135" t="s">
        <v>200</v>
      </c>
      <c r="D8" s="136" t="s">
        <v>60</v>
      </c>
      <c r="E8" s="137" t="s">
        <v>28</v>
      </c>
      <c r="F8" s="138" t="s">
        <v>2</v>
      </c>
      <c r="G8" s="35" t="s">
        <v>13</v>
      </c>
      <c r="H8" s="35" t="s">
        <v>85</v>
      </c>
      <c r="I8" s="35" t="s">
        <v>156</v>
      </c>
      <c r="J8" s="55" t="s">
        <v>430</v>
      </c>
      <c r="K8" s="36" t="s">
        <v>38</v>
      </c>
      <c r="L8" s="139" t="s">
        <v>211</v>
      </c>
      <c r="M8" s="55" t="s">
        <v>179</v>
      </c>
      <c r="N8" s="163" t="s">
        <v>201</v>
      </c>
    </row>
    <row r="9" spans="2:14" s="28" customFormat="1" ht="23.25" customHeight="1" x14ac:dyDescent="0.2">
      <c r="B9" s="272" t="s">
        <v>18</v>
      </c>
      <c r="C9" s="273"/>
      <c r="D9" s="273"/>
      <c r="E9" s="273"/>
      <c r="F9" s="273"/>
      <c r="G9" s="273"/>
      <c r="H9" s="273"/>
      <c r="I9" s="273"/>
      <c r="J9" s="273"/>
      <c r="K9" s="273"/>
      <c r="L9" s="273"/>
      <c r="M9" s="273"/>
      <c r="N9" s="274"/>
    </row>
    <row r="10" spans="2:14" s="28" customFormat="1" ht="368.25" customHeight="1" x14ac:dyDescent="0.2">
      <c r="B10" s="97" t="s">
        <v>18</v>
      </c>
      <c r="C10" s="29" t="s">
        <v>180</v>
      </c>
      <c r="D10" s="45">
        <v>42795</v>
      </c>
      <c r="E10" s="35" t="s">
        <v>11</v>
      </c>
      <c r="F10" s="45" t="s">
        <v>2</v>
      </c>
      <c r="G10" s="35" t="s">
        <v>13</v>
      </c>
      <c r="H10" s="35" t="s">
        <v>14</v>
      </c>
      <c r="I10" s="35" t="s">
        <v>156</v>
      </c>
      <c r="J10" s="36" t="s">
        <v>431</v>
      </c>
      <c r="K10" s="36" t="s">
        <v>17</v>
      </c>
      <c r="L10" s="36" t="s">
        <v>119</v>
      </c>
      <c r="M10" s="36" t="s">
        <v>178</v>
      </c>
      <c r="N10" s="164" t="s">
        <v>19</v>
      </c>
    </row>
    <row r="11" spans="2:14" s="28" customFormat="1" ht="24.75" customHeight="1" x14ac:dyDescent="0.2">
      <c r="B11" s="281" t="s">
        <v>81</v>
      </c>
      <c r="C11" s="282"/>
      <c r="D11" s="282"/>
      <c r="E11" s="282"/>
      <c r="F11" s="282"/>
      <c r="G11" s="282"/>
      <c r="H11" s="282"/>
      <c r="I11" s="282"/>
      <c r="J11" s="282"/>
      <c r="K11" s="282"/>
      <c r="L11" s="282"/>
      <c r="M11" s="282"/>
      <c r="N11" s="283"/>
    </row>
    <row r="12" spans="2:14" s="28" customFormat="1" ht="358.15" customHeight="1" x14ac:dyDescent="0.2">
      <c r="B12" s="173" t="s">
        <v>82</v>
      </c>
      <c r="C12" s="140" t="s">
        <v>315</v>
      </c>
      <c r="D12" s="141">
        <v>44348</v>
      </c>
      <c r="E12" s="142" t="s">
        <v>11</v>
      </c>
      <c r="F12" s="142" t="s">
        <v>31</v>
      </c>
      <c r="G12" s="29" t="s">
        <v>13</v>
      </c>
      <c r="H12" s="29" t="s">
        <v>14</v>
      </c>
      <c r="I12" s="35" t="s">
        <v>156</v>
      </c>
      <c r="J12" s="36" t="s">
        <v>551</v>
      </c>
      <c r="K12" s="143" t="s">
        <v>83</v>
      </c>
      <c r="L12" s="31" t="s">
        <v>432</v>
      </c>
      <c r="M12" s="31" t="s">
        <v>178</v>
      </c>
      <c r="N12" s="104" t="s">
        <v>338</v>
      </c>
    </row>
    <row r="13" spans="2:14" s="28" customFormat="1" ht="22.5" customHeight="1" x14ac:dyDescent="0.2">
      <c r="B13" s="281" t="s">
        <v>92</v>
      </c>
      <c r="C13" s="287"/>
      <c r="D13" s="287"/>
      <c r="E13" s="287"/>
      <c r="F13" s="287"/>
      <c r="G13" s="287"/>
      <c r="H13" s="287"/>
      <c r="I13" s="287"/>
      <c r="J13" s="287"/>
      <c r="K13" s="287"/>
      <c r="L13" s="287"/>
      <c r="M13" s="287"/>
      <c r="N13" s="288"/>
    </row>
    <row r="14" spans="2:14" s="28" customFormat="1" ht="249" customHeight="1" x14ac:dyDescent="0.2">
      <c r="B14" s="173" t="s">
        <v>92</v>
      </c>
      <c r="C14" s="140" t="s">
        <v>314</v>
      </c>
      <c r="D14" s="33" t="s">
        <v>60</v>
      </c>
      <c r="E14" s="140" t="s">
        <v>149</v>
      </c>
      <c r="F14" s="33" t="s">
        <v>31</v>
      </c>
      <c r="G14" s="35" t="s">
        <v>13</v>
      </c>
      <c r="H14" s="35" t="s">
        <v>93</v>
      </c>
      <c r="I14" s="35" t="s">
        <v>156</v>
      </c>
      <c r="J14" s="31" t="s">
        <v>433</v>
      </c>
      <c r="K14" s="144" t="s">
        <v>38</v>
      </c>
      <c r="L14" s="31" t="s">
        <v>434</v>
      </c>
      <c r="M14" s="36" t="s">
        <v>72</v>
      </c>
      <c r="N14" s="91" t="s">
        <v>94</v>
      </c>
    </row>
    <row r="15" spans="2:14" s="28" customFormat="1" ht="18" customHeight="1" x14ac:dyDescent="0.2">
      <c r="B15" s="281" t="s">
        <v>97</v>
      </c>
      <c r="C15" s="282"/>
      <c r="D15" s="282"/>
      <c r="E15" s="282"/>
      <c r="F15" s="282"/>
      <c r="G15" s="282"/>
      <c r="H15" s="282"/>
      <c r="I15" s="282"/>
      <c r="J15" s="282"/>
      <c r="K15" s="282"/>
      <c r="L15" s="282"/>
      <c r="M15" s="282"/>
      <c r="N15" s="283"/>
    </row>
    <row r="16" spans="2:14" s="28" customFormat="1" ht="175.5" customHeight="1" x14ac:dyDescent="0.2">
      <c r="B16" s="173" t="s">
        <v>97</v>
      </c>
      <c r="C16" s="140" t="s">
        <v>311</v>
      </c>
      <c r="D16" s="33" t="s">
        <v>227</v>
      </c>
      <c r="E16" s="35" t="s">
        <v>312</v>
      </c>
      <c r="F16" s="33" t="s">
        <v>31</v>
      </c>
      <c r="G16" s="35" t="s">
        <v>13</v>
      </c>
      <c r="H16" s="35" t="s">
        <v>99</v>
      </c>
      <c r="I16" s="35" t="s">
        <v>156</v>
      </c>
      <c r="J16" s="36" t="s">
        <v>436</v>
      </c>
      <c r="K16" s="144" t="s">
        <v>38</v>
      </c>
      <c r="L16" s="36" t="s">
        <v>435</v>
      </c>
      <c r="M16" s="36" t="s">
        <v>178</v>
      </c>
      <c r="N16" s="163" t="s">
        <v>190</v>
      </c>
    </row>
    <row r="17" spans="2:14" s="28" customFormat="1" ht="259.14999999999998" customHeight="1" x14ac:dyDescent="0.2">
      <c r="B17" s="173" t="s">
        <v>97</v>
      </c>
      <c r="C17" s="140" t="s">
        <v>219</v>
      </c>
      <c r="D17" s="33" t="s">
        <v>60</v>
      </c>
      <c r="E17" s="33" t="s">
        <v>28</v>
      </c>
      <c r="F17" s="33" t="s">
        <v>31</v>
      </c>
      <c r="G17" s="35" t="s">
        <v>22</v>
      </c>
      <c r="H17" s="35" t="s">
        <v>123</v>
      </c>
      <c r="I17" s="35" t="s">
        <v>80</v>
      </c>
      <c r="J17" s="36" t="s">
        <v>550</v>
      </c>
      <c r="K17" s="144" t="s">
        <v>84</v>
      </c>
      <c r="L17" s="31" t="s">
        <v>437</v>
      </c>
      <c r="M17" s="36" t="s">
        <v>179</v>
      </c>
      <c r="N17" s="163" t="s">
        <v>100</v>
      </c>
    </row>
    <row r="18" spans="2:14" s="28" customFormat="1" ht="265.5" customHeight="1" x14ac:dyDescent="0.2">
      <c r="B18" s="173" t="s">
        <v>97</v>
      </c>
      <c r="C18" s="140" t="s">
        <v>150</v>
      </c>
      <c r="D18" s="145" t="s">
        <v>60</v>
      </c>
      <c r="E18" s="33" t="s">
        <v>28</v>
      </c>
      <c r="F18" s="33" t="s">
        <v>31</v>
      </c>
      <c r="G18" s="35" t="s">
        <v>151</v>
      </c>
      <c r="H18" s="35" t="s">
        <v>123</v>
      </c>
      <c r="I18" s="35" t="s">
        <v>80</v>
      </c>
      <c r="J18" s="36" t="s">
        <v>439</v>
      </c>
      <c r="K18" s="144" t="s">
        <v>38</v>
      </c>
      <c r="L18" s="36" t="s">
        <v>438</v>
      </c>
      <c r="M18" s="36" t="s">
        <v>178</v>
      </c>
      <c r="N18" s="165" t="s">
        <v>313</v>
      </c>
    </row>
    <row r="19" spans="2:14" s="28" customFormat="1" ht="21" customHeight="1" x14ac:dyDescent="0.2">
      <c r="B19" s="281" t="s">
        <v>98</v>
      </c>
      <c r="C19" s="282"/>
      <c r="D19" s="282"/>
      <c r="E19" s="282"/>
      <c r="F19" s="282"/>
      <c r="G19" s="282"/>
      <c r="H19" s="282"/>
      <c r="I19" s="282"/>
      <c r="J19" s="282"/>
      <c r="K19" s="282"/>
      <c r="L19" s="282"/>
      <c r="M19" s="282"/>
      <c r="N19" s="283"/>
    </row>
    <row r="20" spans="2:14" s="28" customFormat="1" ht="325.5" customHeight="1" x14ac:dyDescent="0.2">
      <c r="B20" s="173" t="s">
        <v>98</v>
      </c>
      <c r="C20" s="146" t="s">
        <v>182</v>
      </c>
      <c r="D20" s="34">
        <v>45474</v>
      </c>
      <c r="E20" s="33" t="s">
        <v>11</v>
      </c>
      <c r="F20" s="33" t="s">
        <v>31</v>
      </c>
      <c r="G20" s="35" t="s">
        <v>13</v>
      </c>
      <c r="H20" s="35" t="s">
        <v>123</v>
      </c>
      <c r="I20" s="35" t="s">
        <v>156</v>
      </c>
      <c r="J20" s="31" t="s">
        <v>440</v>
      </c>
      <c r="K20" s="144" t="s">
        <v>176</v>
      </c>
      <c r="L20" s="147" t="s">
        <v>175</v>
      </c>
      <c r="M20" s="36" t="s">
        <v>60</v>
      </c>
      <c r="N20" s="163" t="s">
        <v>174</v>
      </c>
    </row>
    <row r="21" spans="2:14" s="28" customFormat="1" ht="214.5" customHeight="1" x14ac:dyDescent="0.2">
      <c r="B21" s="173" t="s">
        <v>98</v>
      </c>
      <c r="C21" s="33" t="s">
        <v>221</v>
      </c>
      <c r="D21" s="145">
        <v>44348</v>
      </c>
      <c r="E21" s="33" t="s">
        <v>11</v>
      </c>
      <c r="F21" s="33" t="s">
        <v>31</v>
      </c>
      <c r="G21" s="35" t="s">
        <v>37</v>
      </c>
      <c r="H21" s="35" t="s">
        <v>85</v>
      </c>
      <c r="I21" s="35" t="s">
        <v>156</v>
      </c>
      <c r="J21" s="36" t="s">
        <v>502</v>
      </c>
      <c r="K21" s="144" t="s">
        <v>38</v>
      </c>
      <c r="L21" s="36" t="s">
        <v>336</v>
      </c>
      <c r="M21" s="36" t="s">
        <v>179</v>
      </c>
      <c r="N21" s="163" t="s">
        <v>101</v>
      </c>
    </row>
    <row r="22" spans="2:14" s="28" customFormat="1" ht="24.75" customHeight="1" x14ac:dyDescent="0.2">
      <c r="B22" s="281" t="s">
        <v>102</v>
      </c>
      <c r="C22" s="287"/>
      <c r="D22" s="287"/>
      <c r="E22" s="287"/>
      <c r="F22" s="287"/>
      <c r="G22" s="287"/>
      <c r="H22" s="287"/>
      <c r="I22" s="287"/>
      <c r="J22" s="287"/>
      <c r="K22" s="287"/>
      <c r="L22" s="287"/>
      <c r="M22" s="287"/>
      <c r="N22" s="288"/>
    </row>
    <row r="23" spans="2:14" s="28" customFormat="1" ht="243.75" customHeight="1" x14ac:dyDescent="0.2">
      <c r="B23" s="173" t="s">
        <v>102</v>
      </c>
      <c r="C23" s="146" t="s">
        <v>441</v>
      </c>
      <c r="D23" s="34">
        <v>43983</v>
      </c>
      <c r="E23" s="33" t="s">
        <v>33</v>
      </c>
      <c r="F23" s="33" t="s">
        <v>31</v>
      </c>
      <c r="G23" s="35" t="s">
        <v>22</v>
      </c>
      <c r="H23" s="35" t="s">
        <v>58</v>
      </c>
      <c r="I23" s="35" t="s">
        <v>156</v>
      </c>
      <c r="J23" s="31" t="s">
        <v>442</v>
      </c>
      <c r="K23" s="144" t="s">
        <v>84</v>
      </c>
      <c r="L23" s="31" t="s">
        <v>146</v>
      </c>
      <c r="M23" s="36" t="s">
        <v>72</v>
      </c>
      <c r="N23" s="241" t="s">
        <v>177</v>
      </c>
    </row>
    <row r="24" spans="2:14" s="28" customFormat="1" ht="27.75" customHeight="1" x14ac:dyDescent="0.2">
      <c r="B24" s="281" t="s">
        <v>103</v>
      </c>
      <c r="C24" s="287"/>
      <c r="D24" s="287"/>
      <c r="E24" s="287"/>
      <c r="F24" s="287"/>
      <c r="G24" s="287"/>
      <c r="H24" s="287"/>
      <c r="I24" s="287"/>
      <c r="J24" s="287"/>
      <c r="K24" s="287"/>
      <c r="L24" s="287"/>
      <c r="M24" s="287"/>
      <c r="N24" s="288"/>
    </row>
    <row r="25" spans="2:14" s="28" customFormat="1" ht="275.25" customHeight="1" x14ac:dyDescent="0.2">
      <c r="B25" s="173" t="s">
        <v>104</v>
      </c>
      <c r="C25" s="33" t="s">
        <v>183</v>
      </c>
      <c r="D25" s="33">
        <v>2006</v>
      </c>
      <c r="E25" s="146" t="s">
        <v>33</v>
      </c>
      <c r="F25" s="33" t="s">
        <v>31</v>
      </c>
      <c r="G25" s="35" t="s">
        <v>22</v>
      </c>
      <c r="H25" s="35" t="s">
        <v>58</v>
      </c>
      <c r="I25" s="35" t="s">
        <v>156</v>
      </c>
      <c r="J25" s="31" t="s">
        <v>443</v>
      </c>
      <c r="K25" s="144" t="s">
        <v>84</v>
      </c>
      <c r="L25" s="36" t="s">
        <v>444</v>
      </c>
      <c r="M25" s="36" t="s">
        <v>72</v>
      </c>
      <c r="N25" s="166" t="s">
        <v>191</v>
      </c>
    </row>
    <row r="26" spans="2:14" s="28" customFormat="1" ht="22.5" customHeight="1" x14ac:dyDescent="0.2">
      <c r="B26" s="281" t="s">
        <v>105</v>
      </c>
      <c r="C26" s="287"/>
      <c r="D26" s="287"/>
      <c r="E26" s="287"/>
      <c r="F26" s="287"/>
      <c r="G26" s="287"/>
      <c r="H26" s="287"/>
      <c r="I26" s="287"/>
      <c r="J26" s="287"/>
      <c r="K26" s="287"/>
      <c r="L26" s="287"/>
      <c r="M26" s="287"/>
      <c r="N26" s="288"/>
    </row>
    <row r="27" spans="2:14" s="28" customFormat="1" ht="241.15" customHeight="1" x14ac:dyDescent="0.2">
      <c r="B27" s="173" t="s">
        <v>105</v>
      </c>
      <c r="C27" s="140" t="s">
        <v>310</v>
      </c>
      <c r="D27" s="33" t="s">
        <v>60</v>
      </c>
      <c r="E27" s="33" t="s">
        <v>45</v>
      </c>
      <c r="F27" s="33" t="s">
        <v>31</v>
      </c>
      <c r="G27" s="35" t="s">
        <v>13</v>
      </c>
      <c r="H27" s="35" t="s">
        <v>85</v>
      </c>
      <c r="I27" s="35" t="s">
        <v>80</v>
      </c>
      <c r="J27" s="31" t="s">
        <v>445</v>
      </c>
      <c r="K27" s="144" t="s">
        <v>30</v>
      </c>
      <c r="L27" s="36" t="s">
        <v>147</v>
      </c>
      <c r="M27" s="36" t="s">
        <v>72</v>
      </c>
      <c r="N27" s="163" t="s">
        <v>204</v>
      </c>
    </row>
    <row r="28" spans="2:14" s="28" customFormat="1" ht="25.5" customHeight="1" x14ac:dyDescent="0.2">
      <c r="B28" s="281" t="s">
        <v>106</v>
      </c>
      <c r="C28" s="287"/>
      <c r="D28" s="287"/>
      <c r="E28" s="287"/>
      <c r="F28" s="287"/>
      <c r="G28" s="287"/>
      <c r="H28" s="287"/>
      <c r="I28" s="287"/>
      <c r="J28" s="287"/>
      <c r="K28" s="287"/>
      <c r="L28" s="287"/>
      <c r="M28" s="287"/>
      <c r="N28" s="288"/>
    </row>
    <row r="29" spans="2:14" s="28" customFormat="1" ht="274.5" customHeight="1" x14ac:dyDescent="0.2">
      <c r="B29" s="173" t="s">
        <v>106</v>
      </c>
      <c r="C29" s="140" t="s">
        <v>309</v>
      </c>
      <c r="D29" s="34" t="s">
        <v>60</v>
      </c>
      <c r="E29" s="140" t="s">
        <v>28</v>
      </c>
      <c r="F29" s="33" t="s">
        <v>2</v>
      </c>
      <c r="G29" s="35" t="s">
        <v>151</v>
      </c>
      <c r="H29" s="35" t="s">
        <v>122</v>
      </c>
      <c r="I29" s="35" t="s">
        <v>30</v>
      </c>
      <c r="J29" s="36" t="s">
        <v>446</v>
      </c>
      <c r="K29" s="144" t="s">
        <v>30</v>
      </c>
      <c r="L29" s="147" t="s">
        <v>447</v>
      </c>
      <c r="M29" s="36" t="s">
        <v>60</v>
      </c>
      <c r="N29" s="163" t="s">
        <v>154</v>
      </c>
    </row>
    <row r="30" spans="2:14" s="28" customFormat="1" ht="24" customHeight="1" x14ac:dyDescent="0.2">
      <c r="B30" s="281" t="s">
        <v>110</v>
      </c>
      <c r="C30" s="282"/>
      <c r="D30" s="282"/>
      <c r="E30" s="282"/>
      <c r="F30" s="282"/>
      <c r="G30" s="282"/>
      <c r="H30" s="282"/>
      <c r="I30" s="282"/>
      <c r="J30" s="282"/>
      <c r="K30" s="282"/>
      <c r="L30" s="282"/>
      <c r="M30" s="282"/>
      <c r="N30" s="283"/>
    </row>
    <row r="31" spans="2:14" s="28" customFormat="1" ht="142.5" customHeight="1" x14ac:dyDescent="0.2">
      <c r="B31" s="173" t="s">
        <v>110</v>
      </c>
      <c r="C31" s="140" t="s">
        <v>184</v>
      </c>
      <c r="D31" s="34">
        <v>44501</v>
      </c>
      <c r="E31" s="33" t="s">
        <v>33</v>
      </c>
      <c r="F31" s="33" t="s">
        <v>31</v>
      </c>
      <c r="G31" s="35" t="s">
        <v>13</v>
      </c>
      <c r="H31" s="35" t="s">
        <v>74</v>
      </c>
      <c r="I31" s="35" t="s">
        <v>156</v>
      </c>
      <c r="J31" s="36" t="s">
        <v>335</v>
      </c>
      <c r="K31" s="144" t="s">
        <v>38</v>
      </c>
      <c r="L31" s="36" t="s">
        <v>448</v>
      </c>
      <c r="M31" s="36" t="s">
        <v>178</v>
      </c>
      <c r="N31" s="91" t="s">
        <v>111</v>
      </c>
    </row>
    <row r="32" spans="2:14" s="28" customFormat="1" ht="319.5" customHeight="1" x14ac:dyDescent="0.2">
      <c r="B32" s="173" t="s">
        <v>110</v>
      </c>
      <c r="C32" s="140" t="s">
        <v>185</v>
      </c>
      <c r="D32" s="145">
        <v>30590</v>
      </c>
      <c r="E32" s="33" t="s">
        <v>33</v>
      </c>
      <c r="F32" s="33" t="s">
        <v>31</v>
      </c>
      <c r="G32" s="35" t="s">
        <v>22</v>
      </c>
      <c r="H32" s="35" t="s">
        <v>58</v>
      </c>
      <c r="I32" s="35" t="s">
        <v>156</v>
      </c>
      <c r="J32" s="36" t="s">
        <v>449</v>
      </c>
      <c r="K32" s="144" t="s">
        <v>30</v>
      </c>
      <c r="L32" s="31" t="s">
        <v>112</v>
      </c>
      <c r="M32" s="36" t="s">
        <v>72</v>
      </c>
      <c r="N32" s="110">
        <v>814.01</v>
      </c>
    </row>
    <row r="33" spans="2:14" s="28" customFormat="1" ht="235.5" customHeight="1" x14ac:dyDescent="0.2">
      <c r="B33" s="173" t="s">
        <v>110</v>
      </c>
      <c r="C33" s="140" t="s">
        <v>186</v>
      </c>
      <c r="D33" s="34">
        <v>41548</v>
      </c>
      <c r="E33" s="33" t="s">
        <v>11</v>
      </c>
      <c r="F33" s="33" t="s">
        <v>31</v>
      </c>
      <c r="G33" s="35" t="s">
        <v>22</v>
      </c>
      <c r="H33" s="35" t="s">
        <v>58</v>
      </c>
      <c r="I33" s="35" t="s">
        <v>80</v>
      </c>
      <c r="J33" s="36" t="s">
        <v>450</v>
      </c>
      <c r="K33" s="144" t="s">
        <v>145</v>
      </c>
      <c r="L33" s="148" t="s">
        <v>187</v>
      </c>
      <c r="M33" s="36" t="s">
        <v>72</v>
      </c>
      <c r="N33" s="167" t="s">
        <v>285</v>
      </c>
    </row>
    <row r="34" spans="2:14" s="28" customFormat="1" ht="235.5" customHeight="1" x14ac:dyDescent="0.2">
      <c r="B34" s="173" t="s">
        <v>110</v>
      </c>
      <c r="C34" s="140" t="s">
        <v>304</v>
      </c>
      <c r="D34" s="33" t="s">
        <v>60</v>
      </c>
      <c r="E34" s="33" t="s">
        <v>45</v>
      </c>
      <c r="F34" s="33" t="s">
        <v>2</v>
      </c>
      <c r="G34" s="35" t="s">
        <v>22</v>
      </c>
      <c r="H34" s="35" t="s">
        <v>85</v>
      </c>
      <c r="I34" s="35" t="s">
        <v>80</v>
      </c>
      <c r="J34" s="36" t="s">
        <v>451</v>
      </c>
      <c r="K34" s="36" t="s">
        <v>188</v>
      </c>
      <c r="L34" s="36" t="s">
        <v>452</v>
      </c>
      <c r="M34" s="36" t="s">
        <v>178</v>
      </c>
      <c r="N34" s="167" t="s">
        <v>305</v>
      </c>
    </row>
    <row r="35" spans="2:14" s="28" customFormat="1" ht="222" customHeight="1" x14ac:dyDescent="0.2">
      <c r="B35" s="174" t="s">
        <v>110</v>
      </c>
      <c r="C35" s="149" t="s">
        <v>306</v>
      </c>
      <c r="D35" s="150">
        <v>43983</v>
      </c>
      <c r="E35" s="151" t="s">
        <v>11</v>
      </c>
      <c r="F35" s="151" t="s">
        <v>31</v>
      </c>
      <c r="G35" s="152" t="s">
        <v>22</v>
      </c>
      <c r="H35" s="152" t="s">
        <v>58</v>
      </c>
      <c r="I35" s="35" t="s">
        <v>156</v>
      </c>
      <c r="J35" s="153" t="s">
        <v>453</v>
      </c>
      <c r="K35" s="154" t="s">
        <v>84</v>
      </c>
      <c r="L35" s="153" t="s">
        <v>454</v>
      </c>
      <c r="M35" s="153" t="s">
        <v>179</v>
      </c>
      <c r="N35" s="167" t="s">
        <v>202</v>
      </c>
    </row>
    <row r="36" spans="2:14" s="28" customFormat="1" ht="366" customHeight="1" x14ac:dyDescent="0.2">
      <c r="B36" s="174" t="s">
        <v>110</v>
      </c>
      <c r="C36" s="149" t="s">
        <v>307</v>
      </c>
      <c r="D36" s="150">
        <v>45469</v>
      </c>
      <c r="E36" s="151" t="s">
        <v>28</v>
      </c>
      <c r="F36" s="151" t="s">
        <v>31</v>
      </c>
      <c r="G36" s="35" t="s">
        <v>151</v>
      </c>
      <c r="H36" s="152" t="s">
        <v>113</v>
      </c>
      <c r="I36" s="35" t="s">
        <v>67</v>
      </c>
      <c r="J36" s="153" t="s">
        <v>455</v>
      </c>
      <c r="K36" s="154" t="s">
        <v>84</v>
      </c>
      <c r="L36" s="153" t="s">
        <v>456</v>
      </c>
      <c r="M36" s="153" t="s">
        <v>30</v>
      </c>
      <c r="N36" s="167" t="s">
        <v>308</v>
      </c>
    </row>
    <row r="37" spans="2:14" s="28" customFormat="1" ht="21" customHeight="1" x14ac:dyDescent="0.2">
      <c r="B37" s="284" t="s">
        <v>272</v>
      </c>
      <c r="C37" s="285"/>
      <c r="D37" s="285"/>
      <c r="E37" s="285"/>
      <c r="F37" s="285"/>
      <c r="G37" s="285"/>
      <c r="H37" s="285"/>
      <c r="I37" s="285"/>
      <c r="J37" s="285"/>
      <c r="K37" s="285"/>
      <c r="L37" s="285"/>
      <c r="M37" s="285"/>
      <c r="N37" s="286"/>
    </row>
    <row r="38" spans="2:14" s="28" customFormat="1" ht="197.65" customHeight="1" x14ac:dyDescent="0.2">
      <c r="B38" s="175" t="s">
        <v>272</v>
      </c>
      <c r="C38" s="155" t="s">
        <v>303</v>
      </c>
      <c r="D38" s="156">
        <v>45292</v>
      </c>
      <c r="E38" s="29" t="s">
        <v>11</v>
      </c>
      <c r="F38" s="29" t="s">
        <v>31</v>
      </c>
      <c r="G38" s="29" t="s">
        <v>22</v>
      </c>
      <c r="H38" s="29" t="s">
        <v>247</v>
      </c>
      <c r="I38" s="77" t="s">
        <v>61</v>
      </c>
      <c r="J38" s="157" t="s">
        <v>457</v>
      </c>
      <c r="K38" s="158" t="s">
        <v>84</v>
      </c>
      <c r="L38" s="168" t="s">
        <v>458</v>
      </c>
      <c r="M38" s="157" t="s">
        <v>60</v>
      </c>
      <c r="N38" s="119" t="s">
        <v>273</v>
      </c>
    </row>
    <row r="39" spans="2:14" s="28" customFormat="1" ht="23.25" customHeight="1" x14ac:dyDescent="0.2">
      <c r="B39" s="284" t="s">
        <v>203</v>
      </c>
      <c r="C39" s="285"/>
      <c r="D39" s="285"/>
      <c r="E39" s="285"/>
      <c r="F39" s="285"/>
      <c r="G39" s="285"/>
      <c r="H39" s="285"/>
      <c r="I39" s="285"/>
      <c r="J39" s="285"/>
      <c r="K39" s="285"/>
      <c r="L39" s="285"/>
      <c r="M39" s="285"/>
      <c r="N39" s="286"/>
    </row>
    <row r="40" spans="2:14" s="28" customFormat="1" ht="216.75" customHeight="1" x14ac:dyDescent="0.2">
      <c r="B40" s="175" t="s">
        <v>203</v>
      </c>
      <c r="C40" s="159" t="s">
        <v>301</v>
      </c>
      <c r="D40" s="160" t="s">
        <v>72</v>
      </c>
      <c r="E40" s="160" t="s">
        <v>28</v>
      </c>
      <c r="F40" s="160" t="s">
        <v>31</v>
      </c>
      <c r="G40" s="83" t="s">
        <v>127</v>
      </c>
      <c r="H40" s="83" t="s">
        <v>58</v>
      </c>
      <c r="I40" s="83" t="s">
        <v>80</v>
      </c>
      <c r="J40" s="161" t="s">
        <v>459</v>
      </c>
      <c r="K40" s="162" t="s">
        <v>30</v>
      </c>
      <c r="L40" s="169" t="s">
        <v>460</v>
      </c>
      <c r="M40" s="161" t="s">
        <v>72</v>
      </c>
      <c r="N40" s="170" t="s">
        <v>302</v>
      </c>
    </row>
    <row r="41" spans="2:14" s="28" customFormat="1" ht="24.6" customHeight="1" x14ac:dyDescent="0.2">
      <c r="B41" s="272" t="s">
        <v>0</v>
      </c>
      <c r="C41" s="273"/>
      <c r="D41" s="273"/>
      <c r="E41" s="273"/>
      <c r="F41" s="273"/>
      <c r="G41" s="273"/>
      <c r="H41" s="273"/>
      <c r="I41" s="273"/>
      <c r="J41" s="273"/>
      <c r="K41" s="273"/>
      <c r="L41" s="273"/>
      <c r="M41" s="273"/>
      <c r="N41" s="274"/>
    </row>
    <row r="42" spans="2:14" s="28" customFormat="1" ht="331.15" customHeight="1" x14ac:dyDescent="0.2">
      <c r="B42" s="97" t="s">
        <v>0</v>
      </c>
      <c r="C42" s="29" t="s">
        <v>461</v>
      </c>
      <c r="D42" s="45">
        <v>42064</v>
      </c>
      <c r="E42" s="35" t="s">
        <v>11</v>
      </c>
      <c r="F42" s="45" t="s">
        <v>2</v>
      </c>
      <c r="G42" s="35" t="s">
        <v>13</v>
      </c>
      <c r="H42" s="35" t="s">
        <v>14</v>
      </c>
      <c r="I42" s="35" t="s">
        <v>156</v>
      </c>
      <c r="J42" s="36" t="s">
        <v>549</v>
      </c>
      <c r="K42" s="36" t="s">
        <v>17</v>
      </c>
      <c r="L42" s="36" t="s">
        <v>462</v>
      </c>
      <c r="M42" s="36" t="s">
        <v>463</v>
      </c>
      <c r="N42" s="164" t="s">
        <v>254</v>
      </c>
    </row>
    <row r="43" spans="2:14" s="28" customFormat="1" ht="194.1" customHeight="1" x14ac:dyDescent="0.2">
      <c r="B43" s="97" t="s">
        <v>0</v>
      </c>
      <c r="C43" s="29" t="s">
        <v>107</v>
      </c>
      <c r="D43" s="45">
        <v>44501</v>
      </c>
      <c r="E43" s="35" t="s">
        <v>11</v>
      </c>
      <c r="F43" s="45" t="s">
        <v>31</v>
      </c>
      <c r="G43" s="35" t="s">
        <v>22</v>
      </c>
      <c r="H43" s="35" t="s">
        <v>157</v>
      </c>
      <c r="I43" s="35" t="s">
        <v>156</v>
      </c>
      <c r="J43" s="36" t="s">
        <v>464</v>
      </c>
      <c r="K43" s="36" t="s">
        <v>30</v>
      </c>
      <c r="L43" s="36" t="s">
        <v>181</v>
      </c>
      <c r="M43" s="36" t="s">
        <v>72</v>
      </c>
      <c r="N43" s="171" t="s">
        <v>108</v>
      </c>
    </row>
    <row r="44" spans="2:14" s="28" customFormat="1" ht="85.5" customHeight="1" x14ac:dyDescent="0.2">
      <c r="B44" s="97" t="s">
        <v>109</v>
      </c>
      <c r="C44" s="146" t="s">
        <v>220</v>
      </c>
      <c r="D44" s="45">
        <v>41336</v>
      </c>
      <c r="E44" s="35" t="s">
        <v>11</v>
      </c>
      <c r="F44" s="45" t="s">
        <v>31</v>
      </c>
      <c r="G44" s="35" t="s">
        <v>22</v>
      </c>
      <c r="H44" s="35" t="s">
        <v>157</v>
      </c>
      <c r="I44" s="35" t="s">
        <v>80</v>
      </c>
      <c r="J44" s="36" t="s">
        <v>465</v>
      </c>
      <c r="K44" s="36" t="s">
        <v>30</v>
      </c>
      <c r="L44" s="36" t="s">
        <v>120</v>
      </c>
      <c r="M44" s="36" t="s">
        <v>72</v>
      </c>
      <c r="N44" s="163" t="s">
        <v>121</v>
      </c>
    </row>
    <row r="45" spans="2:14" s="28" customFormat="1" ht="154.5" customHeight="1" x14ac:dyDescent="0.2">
      <c r="B45" s="97" t="s">
        <v>0</v>
      </c>
      <c r="C45" s="146" t="s">
        <v>316</v>
      </c>
      <c r="D45" s="45">
        <v>39029</v>
      </c>
      <c r="E45" s="35" t="s">
        <v>11</v>
      </c>
      <c r="F45" s="45" t="s">
        <v>2</v>
      </c>
      <c r="G45" s="35" t="s">
        <v>151</v>
      </c>
      <c r="H45" s="152" t="s">
        <v>113</v>
      </c>
      <c r="I45" s="35" t="s">
        <v>67</v>
      </c>
      <c r="J45" s="36" t="s">
        <v>492</v>
      </c>
      <c r="K45" s="36" t="s">
        <v>317</v>
      </c>
      <c r="L45" s="36" t="s">
        <v>318</v>
      </c>
      <c r="M45" s="36" t="s">
        <v>60</v>
      </c>
      <c r="N45" s="110" t="s">
        <v>316</v>
      </c>
    </row>
    <row r="46" spans="2:14" s="28" customFormat="1" ht="185.25" x14ac:dyDescent="0.2">
      <c r="B46" s="194" t="s">
        <v>0</v>
      </c>
      <c r="C46" s="231" t="s">
        <v>503</v>
      </c>
      <c r="D46" s="57" t="s">
        <v>60</v>
      </c>
      <c r="E46" s="58" t="s">
        <v>28</v>
      </c>
      <c r="F46" s="57" t="s">
        <v>2</v>
      </c>
      <c r="G46" s="58" t="s">
        <v>22</v>
      </c>
      <c r="H46" s="58" t="s">
        <v>58</v>
      </c>
      <c r="I46" s="58" t="s">
        <v>61</v>
      </c>
      <c r="J46" s="49" t="s">
        <v>466</v>
      </c>
      <c r="K46" s="49" t="s">
        <v>291</v>
      </c>
      <c r="L46" s="49" t="s">
        <v>467</v>
      </c>
      <c r="M46" s="49" t="s">
        <v>60</v>
      </c>
      <c r="N46" s="232" t="s">
        <v>234</v>
      </c>
    </row>
    <row r="47" spans="2:14" s="28" customFormat="1" x14ac:dyDescent="0.2">
      <c r="B47" s="233"/>
      <c r="C47" s="234"/>
      <c r="D47" s="234"/>
      <c r="E47" s="234"/>
      <c r="F47" s="234"/>
      <c r="G47" s="220"/>
      <c r="H47" s="220"/>
      <c r="I47" s="220"/>
      <c r="J47" s="235"/>
      <c r="K47" s="235"/>
      <c r="L47" s="235"/>
      <c r="M47" s="229"/>
      <c r="N47" s="220"/>
    </row>
    <row r="48" spans="2:14" s="28" customFormat="1" x14ac:dyDescent="0.2">
      <c r="B48" s="21"/>
      <c r="C48" s="24"/>
      <c r="D48" s="24"/>
      <c r="E48" s="24"/>
      <c r="F48" s="24"/>
      <c r="G48" s="25"/>
      <c r="H48" s="25"/>
      <c r="I48" s="25"/>
      <c r="J48" s="42"/>
      <c r="K48" s="42"/>
      <c r="L48" s="42"/>
      <c r="M48" s="43"/>
      <c r="N48" s="25"/>
    </row>
    <row r="49" spans="2:14" s="28" customFormat="1" x14ac:dyDescent="0.2">
      <c r="B49" s="21"/>
      <c r="C49" s="24"/>
      <c r="D49" s="24"/>
      <c r="E49" s="24"/>
      <c r="F49" s="24"/>
      <c r="G49" s="25"/>
      <c r="H49" s="25"/>
      <c r="I49" s="25"/>
      <c r="J49" s="42"/>
      <c r="K49" s="42"/>
      <c r="L49" s="42"/>
      <c r="M49" s="43"/>
      <c r="N49" s="25"/>
    </row>
    <row r="50" spans="2:14" s="28" customFormat="1" x14ac:dyDescent="0.2">
      <c r="B50" s="21"/>
      <c r="C50" s="24"/>
      <c r="D50" s="24"/>
      <c r="E50" s="24"/>
      <c r="F50" s="24"/>
      <c r="G50" s="25"/>
      <c r="H50" s="25"/>
      <c r="I50" s="25"/>
      <c r="J50" s="42"/>
      <c r="K50" s="42"/>
      <c r="L50" s="42"/>
      <c r="M50" s="43"/>
      <c r="N50" s="25"/>
    </row>
    <row r="51" spans="2:14" s="28" customFormat="1" x14ac:dyDescent="0.2">
      <c r="B51" s="21"/>
      <c r="C51" s="24"/>
      <c r="D51" s="24"/>
      <c r="E51" s="24"/>
      <c r="F51" s="24"/>
      <c r="G51" s="25"/>
      <c r="H51" s="25"/>
      <c r="I51" s="25"/>
      <c r="J51" s="42"/>
      <c r="K51" s="42"/>
      <c r="L51" s="42"/>
      <c r="M51" s="43"/>
      <c r="N51" s="25"/>
    </row>
    <row r="52" spans="2:14" s="28" customFormat="1" x14ac:dyDescent="0.2">
      <c r="B52" s="21"/>
      <c r="C52" s="24"/>
      <c r="D52" s="24"/>
      <c r="E52" s="24"/>
      <c r="F52" s="24"/>
      <c r="G52" s="25"/>
      <c r="H52" s="25"/>
      <c r="I52" s="25"/>
      <c r="J52" s="42"/>
      <c r="K52" s="42"/>
      <c r="L52" s="42"/>
      <c r="M52" s="43"/>
      <c r="N52" s="25"/>
    </row>
    <row r="53" spans="2:14" s="28" customFormat="1" x14ac:dyDescent="0.2">
      <c r="B53" s="21"/>
      <c r="C53" s="24"/>
      <c r="D53" s="24"/>
      <c r="E53" s="24"/>
      <c r="F53" s="24"/>
      <c r="G53" s="25"/>
      <c r="H53" s="25"/>
      <c r="I53" s="25"/>
      <c r="J53" s="42"/>
      <c r="K53" s="42"/>
      <c r="L53" s="42"/>
      <c r="M53" s="43"/>
      <c r="N53" s="25"/>
    </row>
    <row r="54" spans="2:14" s="28" customFormat="1" x14ac:dyDescent="0.2">
      <c r="B54" s="21"/>
      <c r="C54" s="24"/>
      <c r="D54" s="24"/>
      <c r="E54" s="24"/>
      <c r="F54" s="24"/>
      <c r="G54" s="25"/>
      <c r="H54" s="25"/>
      <c r="I54" s="25"/>
      <c r="J54" s="42"/>
      <c r="K54" s="42"/>
      <c r="L54" s="42"/>
      <c r="M54" s="43"/>
      <c r="N54" s="25"/>
    </row>
    <row r="55" spans="2:14" s="28" customFormat="1" x14ac:dyDescent="0.2">
      <c r="B55" s="21"/>
      <c r="C55" s="24"/>
      <c r="D55" s="24"/>
      <c r="E55" s="24"/>
      <c r="F55" s="24"/>
      <c r="G55" s="25"/>
      <c r="H55" s="25"/>
      <c r="I55" s="25"/>
      <c r="J55" s="42"/>
      <c r="K55" s="42"/>
      <c r="L55" s="42"/>
      <c r="M55" s="43"/>
      <c r="N55" s="25"/>
    </row>
    <row r="56" spans="2:14" s="28" customFormat="1" x14ac:dyDescent="0.2">
      <c r="B56" s="21"/>
      <c r="C56" s="24"/>
      <c r="D56" s="24"/>
      <c r="E56" s="24"/>
      <c r="F56" s="24"/>
      <c r="G56" s="25"/>
      <c r="H56" s="25"/>
      <c r="I56" s="25"/>
      <c r="J56" s="42"/>
      <c r="K56" s="42"/>
      <c r="L56" s="42"/>
      <c r="M56" s="43"/>
      <c r="N56" s="25"/>
    </row>
    <row r="57" spans="2:14" s="28" customFormat="1" x14ac:dyDescent="0.2">
      <c r="B57" s="21"/>
      <c r="C57" s="24"/>
      <c r="D57" s="24"/>
      <c r="E57" s="24"/>
      <c r="F57" s="24"/>
      <c r="G57" s="25"/>
      <c r="H57" s="25"/>
      <c r="I57" s="25"/>
      <c r="J57" s="42"/>
      <c r="K57" s="42"/>
      <c r="L57" s="42"/>
      <c r="M57" s="43"/>
      <c r="N57" s="25"/>
    </row>
    <row r="58" spans="2:14" s="28" customFormat="1" x14ac:dyDescent="0.2">
      <c r="B58" s="21"/>
      <c r="C58" s="24"/>
      <c r="D58" s="24"/>
      <c r="E58" s="24"/>
      <c r="F58" s="24"/>
      <c r="G58" s="25"/>
      <c r="H58" s="25"/>
      <c r="I58" s="25"/>
      <c r="J58" s="42"/>
      <c r="K58" s="42"/>
      <c r="L58" s="42"/>
      <c r="M58" s="43"/>
      <c r="N58" s="25"/>
    </row>
    <row r="59" spans="2:14" s="28" customFormat="1" x14ac:dyDescent="0.2">
      <c r="B59" s="21"/>
      <c r="C59" s="24"/>
      <c r="D59" s="24"/>
      <c r="E59" s="24"/>
      <c r="F59" s="24"/>
      <c r="G59" s="25"/>
      <c r="H59" s="25"/>
      <c r="I59" s="25"/>
      <c r="J59" s="42"/>
      <c r="K59" s="42"/>
      <c r="L59" s="42"/>
      <c r="M59" s="43"/>
      <c r="N59" s="25"/>
    </row>
    <row r="60" spans="2:14" s="28" customFormat="1" x14ac:dyDescent="0.2">
      <c r="B60" s="21"/>
      <c r="C60" s="24"/>
      <c r="D60" s="24"/>
      <c r="E60" s="24"/>
      <c r="F60" s="24"/>
      <c r="G60" s="25"/>
      <c r="H60" s="25"/>
      <c r="I60" s="25"/>
      <c r="J60" s="42"/>
      <c r="K60" s="42"/>
      <c r="L60" s="42"/>
      <c r="M60" s="43"/>
      <c r="N60" s="25"/>
    </row>
    <row r="61" spans="2:14" s="28" customFormat="1" x14ac:dyDescent="0.2">
      <c r="B61" s="21"/>
      <c r="C61" s="24"/>
      <c r="D61" s="24"/>
      <c r="E61" s="24"/>
      <c r="F61" s="24"/>
      <c r="G61" s="25"/>
      <c r="H61" s="25"/>
      <c r="I61" s="25"/>
      <c r="J61" s="42"/>
      <c r="K61" s="42"/>
      <c r="L61" s="42"/>
      <c r="M61" s="43"/>
      <c r="N61" s="25"/>
    </row>
    <row r="62" spans="2:14" s="28" customFormat="1" x14ac:dyDescent="0.2">
      <c r="B62" s="21"/>
      <c r="C62" s="24"/>
      <c r="D62" s="24"/>
      <c r="E62" s="24"/>
      <c r="F62" s="24"/>
      <c r="G62" s="25"/>
      <c r="H62" s="25"/>
      <c r="I62" s="25"/>
      <c r="J62" s="42"/>
      <c r="K62" s="42"/>
      <c r="L62" s="42"/>
      <c r="M62" s="43"/>
      <c r="N62" s="25"/>
    </row>
    <row r="63" spans="2:14" s="28" customFormat="1" x14ac:dyDescent="0.2">
      <c r="B63" s="21"/>
      <c r="C63" s="24"/>
      <c r="D63" s="24"/>
      <c r="E63" s="24"/>
      <c r="F63" s="24"/>
      <c r="G63" s="25"/>
      <c r="H63" s="25"/>
      <c r="I63" s="25"/>
      <c r="J63" s="42"/>
      <c r="K63" s="42"/>
      <c r="L63" s="42"/>
      <c r="M63" s="43"/>
      <c r="N63" s="25"/>
    </row>
    <row r="64" spans="2:14" s="28" customFormat="1" x14ac:dyDescent="0.2">
      <c r="B64" s="21"/>
      <c r="C64" s="24"/>
      <c r="D64" s="24"/>
      <c r="E64" s="24"/>
      <c r="F64" s="24"/>
      <c r="G64" s="25"/>
      <c r="H64" s="25"/>
      <c r="I64" s="25"/>
      <c r="J64" s="42"/>
      <c r="K64" s="42"/>
      <c r="L64" s="42"/>
      <c r="M64" s="43"/>
      <c r="N64" s="25"/>
    </row>
    <row r="65" spans="2:14" s="28" customFormat="1" x14ac:dyDescent="0.2">
      <c r="B65" s="21"/>
      <c r="C65" s="24"/>
      <c r="D65" s="24"/>
      <c r="E65" s="24"/>
      <c r="F65" s="24"/>
      <c r="G65" s="25"/>
      <c r="H65" s="25"/>
      <c r="I65" s="25"/>
      <c r="J65" s="42"/>
      <c r="K65" s="42"/>
      <c r="L65" s="42"/>
      <c r="M65" s="43"/>
      <c r="N65" s="25"/>
    </row>
    <row r="66" spans="2:14" s="28" customFormat="1" x14ac:dyDescent="0.2">
      <c r="B66" s="21"/>
      <c r="C66" s="24"/>
      <c r="D66" s="24"/>
      <c r="E66" s="24"/>
      <c r="F66" s="24"/>
      <c r="G66" s="25"/>
      <c r="H66" s="25"/>
      <c r="I66" s="25"/>
      <c r="J66" s="42"/>
      <c r="K66" s="42"/>
      <c r="L66" s="42"/>
      <c r="M66" s="43"/>
      <c r="N66" s="25"/>
    </row>
    <row r="67" spans="2:14" s="28" customFormat="1" x14ac:dyDescent="0.2">
      <c r="B67" s="21"/>
      <c r="C67" s="24"/>
      <c r="D67" s="24"/>
      <c r="E67" s="24"/>
      <c r="F67" s="24"/>
      <c r="G67" s="25"/>
      <c r="H67" s="25"/>
      <c r="I67" s="25"/>
      <c r="J67" s="42"/>
      <c r="K67" s="42"/>
      <c r="L67" s="42"/>
      <c r="M67" s="43"/>
      <c r="N67" s="25"/>
    </row>
    <row r="68" spans="2:14" s="28" customFormat="1" x14ac:dyDescent="0.2">
      <c r="B68" s="21"/>
      <c r="C68" s="24"/>
      <c r="D68" s="24"/>
      <c r="E68" s="24"/>
      <c r="F68" s="24"/>
      <c r="G68" s="25"/>
      <c r="H68" s="25"/>
      <c r="I68" s="25"/>
      <c r="J68" s="42"/>
      <c r="K68" s="42"/>
      <c r="L68" s="42"/>
      <c r="M68" s="43"/>
      <c r="N68" s="25"/>
    </row>
    <row r="69" spans="2:14" s="28" customFormat="1" x14ac:dyDescent="0.2">
      <c r="B69" s="21"/>
      <c r="C69" s="24"/>
      <c r="D69" s="24"/>
      <c r="E69" s="24"/>
      <c r="F69" s="24"/>
      <c r="G69" s="25"/>
      <c r="H69" s="25"/>
      <c r="I69" s="25"/>
      <c r="J69" s="42"/>
      <c r="K69" s="42"/>
      <c r="L69" s="42"/>
      <c r="M69" s="43"/>
      <c r="N69" s="25"/>
    </row>
    <row r="70" spans="2:14" s="28" customFormat="1" x14ac:dyDescent="0.2">
      <c r="B70" s="21"/>
      <c r="C70" s="24"/>
      <c r="D70" s="24"/>
      <c r="E70" s="24"/>
      <c r="F70" s="24"/>
      <c r="G70" s="25"/>
      <c r="H70" s="25"/>
      <c r="I70" s="25"/>
      <c r="J70" s="42"/>
      <c r="K70" s="42"/>
      <c r="L70" s="42"/>
      <c r="M70" s="43"/>
      <c r="N70" s="25"/>
    </row>
    <row r="71" spans="2:14" s="28" customFormat="1" x14ac:dyDescent="0.2">
      <c r="B71" s="21"/>
      <c r="C71" s="24"/>
      <c r="D71" s="24"/>
      <c r="E71" s="24"/>
      <c r="F71" s="24"/>
      <c r="G71" s="25"/>
      <c r="H71" s="25"/>
      <c r="I71" s="25"/>
      <c r="J71" s="42"/>
      <c r="K71" s="42"/>
      <c r="L71" s="42"/>
      <c r="M71" s="43"/>
      <c r="N71" s="25"/>
    </row>
    <row r="72" spans="2:14" s="28" customFormat="1" x14ac:dyDescent="0.2">
      <c r="B72" s="21"/>
      <c r="C72" s="24"/>
      <c r="D72" s="24"/>
      <c r="E72" s="24"/>
      <c r="F72" s="24"/>
      <c r="G72" s="25"/>
      <c r="H72" s="25"/>
      <c r="I72" s="25"/>
      <c r="J72" s="42"/>
      <c r="K72" s="42"/>
      <c r="L72" s="42"/>
      <c r="M72" s="43"/>
      <c r="N72" s="25"/>
    </row>
    <row r="73" spans="2:14" s="28" customFormat="1" x14ac:dyDescent="0.2">
      <c r="B73" s="21"/>
      <c r="C73" s="24"/>
      <c r="D73" s="24"/>
      <c r="E73" s="24"/>
      <c r="F73" s="24"/>
      <c r="G73" s="25"/>
      <c r="H73" s="25"/>
      <c r="I73" s="25"/>
      <c r="J73" s="42"/>
      <c r="K73" s="42"/>
      <c r="L73" s="42"/>
      <c r="M73" s="43"/>
      <c r="N73" s="25"/>
    </row>
    <row r="74" spans="2:14" s="28" customFormat="1" x14ac:dyDescent="0.2">
      <c r="B74" s="21"/>
      <c r="C74" s="24"/>
      <c r="D74" s="24"/>
      <c r="E74" s="24"/>
      <c r="F74" s="24"/>
      <c r="G74" s="25"/>
      <c r="H74" s="25"/>
      <c r="I74" s="25"/>
      <c r="J74" s="42"/>
      <c r="K74" s="42"/>
      <c r="L74" s="42"/>
      <c r="M74" s="43"/>
      <c r="N74" s="25"/>
    </row>
    <row r="75" spans="2:14" s="28" customFormat="1" x14ac:dyDescent="0.2">
      <c r="B75" s="21"/>
      <c r="C75" s="24"/>
      <c r="D75" s="24"/>
      <c r="E75" s="24"/>
      <c r="F75" s="24"/>
      <c r="G75" s="25"/>
      <c r="H75" s="25"/>
      <c r="I75" s="25"/>
      <c r="J75" s="42"/>
      <c r="K75" s="42"/>
      <c r="L75" s="42"/>
      <c r="M75" s="43"/>
      <c r="N75" s="25"/>
    </row>
    <row r="76" spans="2:14" s="28" customFormat="1" x14ac:dyDescent="0.2">
      <c r="B76" s="21"/>
      <c r="C76" s="24"/>
      <c r="D76" s="24"/>
      <c r="E76" s="24"/>
      <c r="F76" s="24"/>
      <c r="G76" s="25"/>
      <c r="H76" s="25"/>
      <c r="I76" s="25"/>
      <c r="J76" s="42"/>
      <c r="K76" s="42"/>
      <c r="L76" s="42"/>
      <c r="M76" s="43"/>
      <c r="N76" s="25"/>
    </row>
    <row r="77" spans="2:14" s="28" customFormat="1" x14ac:dyDescent="0.2">
      <c r="B77" s="21"/>
      <c r="C77" s="24"/>
      <c r="D77" s="24"/>
      <c r="E77" s="24"/>
      <c r="F77" s="24"/>
      <c r="G77" s="25"/>
      <c r="H77" s="25"/>
      <c r="I77" s="25"/>
      <c r="J77" s="42"/>
      <c r="K77" s="42"/>
      <c r="L77" s="42"/>
      <c r="M77" s="43"/>
      <c r="N77" s="25"/>
    </row>
    <row r="78" spans="2:14" s="28" customFormat="1" x14ac:dyDescent="0.2">
      <c r="B78" s="21"/>
      <c r="C78" s="24"/>
      <c r="D78" s="24"/>
      <c r="E78" s="24"/>
      <c r="F78" s="24"/>
      <c r="G78" s="25"/>
      <c r="H78" s="25"/>
      <c r="I78" s="25"/>
      <c r="J78" s="42"/>
      <c r="K78" s="42"/>
      <c r="L78" s="42"/>
      <c r="M78" s="43"/>
      <c r="N78" s="25"/>
    </row>
    <row r="79" spans="2:14" s="28" customFormat="1" x14ac:dyDescent="0.2">
      <c r="B79" s="21"/>
      <c r="C79" s="24"/>
      <c r="D79" s="24"/>
      <c r="E79" s="24"/>
      <c r="F79" s="24"/>
      <c r="G79" s="25"/>
      <c r="H79" s="25"/>
      <c r="I79" s="25"/>
      <c r="J79" s="42"/>
      <c r="K79" s="42"/>
      <c r="L79" s="42"/>
      <c r="M79" s="43"/>
      <c r="N79" s="25"/>
    </row>
    <row r="80" spans="2:14" s="28" customFormat="1" x14ac:dyDescent="0.2">
      <c r="B80" s="21"/>
      <c r="C80" s="24"/>
      <c r="D80" s="24"/>
      <c r="E80" s="24"/>
      <c r="F80" s="24"/>
      <c r="G80" s="25"/>
      <c r="H80" s="25"/>
      <c r="I80" s="25"/>
      <c r="J80" s="42"/>
      <c r="K80" s="42"/>
      <c r="L80" s="42"/>
      <c r="M80" s="43"/>
      <c r="N80" s="25"/>
    </row>
    <row r="81" spans="2:14" s="28" customFormat="1" x14ac:dyDescent="0.2">
      <c r="B81" s="21"/>
      <c r="C81" s="24"/>
      <c r="D81" s="24"/>
      <c r="E81" s="24"/>
      <c r="F81" s="24"/>
      <c r="G81" s="25"/>
      <c r="H81" s="25"/>
      <c r="I81" s="25"/>
      <c r="J81" s="42"/>
      <c r="K81" s="42"/>
      <c r="L81" s="42"/>
      <c r="M81" s="43"/>
      <c r="N81" s="25"/>
    </row>
    <row r="82" spans="2:14" s="28" customFormat="1" x14ac:dyDescent="0.2">
      <c r="B82" s="21"/>
      <c r="C82" s="24"/>
      <c r="D82" s="24"/>
      <c r="E82" s="24"/>
      <c r="F82" s="24"/>
      <c r="G82" s="25"/>
      <c r="H82" s="25"/>
      <c r="I82" s="25"/>
      <c r="J82" s="42"/>
      <c r="K82" s="42"/>
      <c r="L82" s="42"/>
      <c r="M82" s="43"/>
      <c r="N82" s="25"/>
    </row>
    <row r="83" spans="2:14" s="28" customFormat="1" x14ac:dyDescent="0.2">
      <c r="B83" s="21"/>
      <c r="C83" s="24"/>
      <c r="D83" s="24"/>
      <c r="E83" s="24"/>
      <c r="F83" s="24"/>
      <c r="G83" s="25"/>
      <c r="H83" s="25"/>
      <c r="I83" s="25"/>
      <c r="J83" s="42"/>
      <c r="K83" s="42"/>
      <c r="L83" s="42"/>
      <c r="M83" s="43"/>
      <c r="N83" s="25"/>
    </row>
    <row r="84" spans="2:14" s="28" customFormat="1" x14ac:dyDescent="0.2">
      <c r="B84" s="21"/>
      <c r="C84" s="24"/>
      <c r="D84" s="24"/>
      <c r="E84" s="24"/>
      <c r="F84" s="24"/>
      <c r="G84" s="25"/>
      <c r="H84" s="25"/>
      <c r="I84" s="25"/>
      <c r="J84" s="42"/>
      <c r="K84" s="42"/>
      <c r="L84" s="42"/>
      <c r="M84" s="43"/>
      <c r="N84" s="25"/>
    </row>
    <row r="85" spans="2:14" s="28" customFormat="1" x14ac:dyDescent="0.2">
      <c r="B85" s="21"/>
      <c r="C85" s="24"/>
      <c r="D85" s="24"/>
      <c r="E85" s="24"/>
      <c r="F85" s="24"/>
      <c r="G85" s="25"/>
      <c r="H85" s="25"/>
      <c r="I85" s="25"/>
      <c r="J85" s="42"/>
      <c r="K85" s="42"/>
      <c r="L85" s="42"/>
      <c r="M85" s="43"/>
      <c r="N85" s="25"/>
    </row>
    <row r="86" spans="2:14" s="28" customFormat="1" x14ac:dyDescent="0.2">
      <c r="B86" s="21"/>
      <c r="C86" s="24"/>
      <c r="D86" s="24"/>
      <c r="E86" s="24"/>
      <c r="F86" s="24"/>
      <c r="G86" s="25"/>
      <c r="H86" s="25"/>
      <c r="I86" s="25"/>
      <c r="J86" s="42"/>
      <c r="K86" s="42"/>
      <c r="L86" s="42"/>
      <c r="M86" s="43"/>
      <c r="N86" s="25"/>
    </row>
    <row r="87" spans="2:14" s="28" customFormat="1" x14ac:dyDescent="0.2">
      <c r="B87" s="21"/>
      <c r="C87" s="24"/>
      <c r="D87" s="24"/>
      <c r="E87" s="24"/>
      <c r="F87" s="24"/>
      <c r="G87" s="25"/>
      <c r="H87" s="25"/>
      <c r="I87" s="25"/>
      <c r="J87" s="42"/>
      <c r="K87" s="42"/>
      <c r="L87" s="42"/>
      <c r="M87" s="43"/>
      <c r="N87" s="25"/>
    </row>
    <row r="88" spans="2:14" s="28" customFormat="1" x14ac:dyDescent="0.2">
      <c r="B88" s="21"/>
      <c r="C88" s="24"/>
      <c r="D88" s="24"/>
      <c r="E88" s="24"/>
      <c r="F88" s="24"/>
      <c r="G88" s="25"/>
      <c r="H88" s="25"/>
      <c r="I88" s="25"/>
      <c r="J88" s="42"/>
      <c r="K88" s="42"/>
      <c r="L88" s="42"/>
      <c r="M88" s="43"/>
      <c r="N88" s="25"/>
    </row>
    <row r="89" spans="2:14" s="28" customFormat="1" x14ac:dyDescent="0.2">
      <c r="B89" s="21"/>
      <c r="C89" s="24"/>
      <c r="D89" s="24"/>
      <c r="E89" s="24"/>
      <c r="F89" s="24"/>
      <c r="G89" s="25"/>
      <c r="H89" s="25"/>
      <c r="I89" s="25"/>
      <c r="J89" s="42"/>
      <c r="K89" s="42"/>
      <c r="L89" s="42"/>
      <c r="M89" s="43"/>
      <c r="N89" s="25"/>
    </row>
    <row r="90" spans="2:14" s="28" customFormat="1" x14ac:dyDescent="0.2">
      <c r="B90" s="21"/>
      <c r="C90" s="24"/>
      <c r="D90" s="24"/>
      <c r="E90" s="24"/>
      <c r="F90" s="24"/>
      <c r="G90" s="25"/>
      <c r="H90" s="25"/>
      <c r="I90" s="25"/>
      <c r="J90" s="42"/>
      <c r="K90" s="42"/>
      <c r="L90" s="42"/>
      <c r="M90" s="43"/>
      <c r="N90" s="25"/>
    </row>
    <row r="91" spans="2:14" s="28" customFormat="1" x14ac:dyDescent="0.2">
      <c r="B91" s="21"/>
      <c r="C91" s="24"/>
      <c r="D91" s="24"/>
      <c r="E91" s="24"/>
      <c r="F91" s="24"/>
      <c r="G91" s="25"/>
      <c r="H91" s="25"/>
      <c r="I91" s="25"/>
      <c r="J91" s="42"/>
      <c r="K91" s="42"/>
      <c r="L91" s="42"/>
      <c r="M91" s="43"/>
      <c r="N91" s="25"/>
    </row>
    <row r="92" spans="2:14" s="28" customFormat="1" x14ac:dyDescent="0.2">
      <c r="B92" s="21"/>
      <c r="C92" s="24"/>
      <c r="D92" s="24"/>
      <c r="E92" s="24"/>
      <c r="F92" s="24"/>
      <c r="G92" s="25"/>
      <c r="H92" s="25"/>
      <c r="I92" s="25"/>
      <c r="J92" s="42"/>
      <c r="K92" s="42"/>
      <c r="L92" s="42"/>
      <c r="M92" s="43"/>
      <c r="N92" s="25"/>
    </row>
    <row r="93" spans="2:14" s="28" customFormat="1" x14ac:dyDescent="0.2">
      <c r="B93" s="21"/>
      <c r="C93" s="24"/>
      <c r="D93" s="24"/>
      <c r="E93" s="24"/>
      <c r="F93" s="24"/>
      <c r="G93" s="25"/>
      <c r="H93" s="25"/>
      <c r="I93" s="25"/>
      <c r="J93" s="42"/>
      <c r="K93" s="42"/>
      <c r="L93" s="42"/>
      <c r="M93" s="43"/>
      <c r="N93" s="25"/>
    </row>
    <row r="94" spans="2:14" s="28" customFormat="1" x14ac:dyDescent="0.2">
      <c r="B94" s="21"/>
      <c r="C94" s="24"/>
      <c r="D94" s="24"/>
      <c r="E94" s="24"/>
      <c r="F94" s="24"/>
      <c r="G94" s="25"/>
      <c r="H94" s="25"/>
      <c r="I94" s="25"/>
      <c r="J94" s="42"/>
      <c r="K94" s="42"/>
      <c r="L94" s="42"/>
      <c r="M94" s="43"/>
      <c r="N94" s="25"/>
    </row>
    <row r="95" spans="2:14" s="28" customFormat="1" x14ac:dyDescent="0.2">
      <c r="B95" s="21"/>
      <c r="C95" s="24"/>
      <c r="D95" s="24"/>
      <c r="E95" s="24"/>
      <c r="F95" s="24"/>
      <c r="G95" s="25"/>
      <c r="H95" s="25"/>
      <c r="I95" s="25"/>
      <c r="J95" s="42"/>
      <c r="K95" s="42"/>
      <c r="L95" s="42"/>
      <c r="M95" s="43"/>
      <c r="N95" s="25"/>
    </row>
    <row r="96" spans="2:14" s="28" customFormat="1" x14ac:dyDescent="0.2">
      <c r="B96" s="21"/>
      <c r="C96" s="24"/>
      <c r="D96" s="24"/>
      <c r="E96" s="24"/>
      <c r="F96" s="24"/>
      <c r="G96" s="25"/>
      <c r="H96" s="25"/>
      <c r="I96" s="25"/>
      <c r="J96" s="42"/>
      <c r="K96" s="42"/>
      <c r="L96" s="42"/>
      <c r="M96" s="43"/>
      <c r="N96" s="25"/>
    </row>
    <row r="97" spans="2:14" s="28" customFormat="1" x14ac:dyDescent="0.2">
      <c r="B97" s="21"/>
      <c r="C97" s="24"/>
      <c r="D97" s="24"/>
      <c r="E97" s="24"/>
      <c r="F97" s="24"/>
      <c r="G97" s="25"/>
      <c r="H97" s="25"/>
      <c r="I97" s="25"/>
      <c r="J97" s="42"/>
      <c r="K97" s="42"/>
      <c r="L97" s="42"/>
      <c r="M97" s="43"/>
      <c r="N97" s="25"/>
    </row>
    <row r="98" spans="2:14" s="28" customFormat="1" x14ac:dyDescent="0.2">
      <c r="B98" s="21"/>
      <c r="C98" s="24"/>
      <c r="D98" s="24"/>
      <c r="E98" s="24"/>
      <c r="F98" s="24"/>
      <c r="G98" s="25"/>
      <c r="H98" s="25"/>
      <c r="I98" s="25"/>
      <c r="J98" s="42"/>
      <c r="K98" s="42"/>
      <c r="L98" s="42"/>
      <c r="M98" s="43"/>
      <c r="N98" s="25"/>
    </row>
    <row r="99" spans="2:14" s="28" customFormat="1" x14ac:dyDescent="0.2">
      <c r="B99" s="21"/>
      <c r="C99" s="24"/>
      <c r="D99" s="24"/>
      <c r="E99" s="24"/>
      <c r="F99" s="24"/>
      <c r="G99" s="25"/>
      <c r="H99" s="25"/>
      <c r="I99" s="25"/>
      <c r="J99" s="42"/>
      <c r="K99" s="42"/>
      <c r="L99" s="42"/>
      <c r="M99" s="43"/>
      <c r="N99" s="25"/>
    </row>
    <row r="100" spans="2:14" s="28" customFormat="1" x14ac:dyDescent="0.2">
      <c r="B100" s="21"/>
      <c r="C100" s="24"/>
      <c r="D100" s="24"/>
      <c r="E100" s="24"/>
      <c r="F100" s="24"/>
      <c r="G100" s="25"/>
      <c r="H100" s="25"/>
      <c r="I100" s="25"/>
      <c r="J100" s="42"/>
      <c r="K100" s="42"/>
      <c r="L100" s="42"/>
      <c r="M100" s="43"/>
      <c r="N100" s="25"/>
    </row>
    <row r="101" spans="2:14" s="28" customFormat="1" x14ac:dyDescent="0.2">
      <c r="B101" s="21"/>
      <c r="C101" s="24"/>
      <c r="D101" s="24"/>
      <c r="E101" s="24"/>
      <c r="F101" s="24"/>
      <c r="G101" s="25"/>
      <c r="H101" s="25"/>
      <c r="I101" s="25"/>
      <c r="J101" s="42"/>
      <c r="K101" s="42"/>
      <c r="L101" s="42"/>
      <c r="M101" s="43"/>
      <c r="N101" s="25"/>
    </row>
    <row r="102" spans="2:14" s="28" customFormat="1" x14ac:dyDescent="0.2">
      <c r="B102" s="21"/>
      <c r="C102" s="24"/>
      <c r="D102" s="24"/>
      <c r="E102" s="24"/>
      <c r="F102" s="24"/>
      <c r="G102" s="25"/>
      <c r="H102" s="25"/>
      <c r="I102" s="25"/>
      <c r="J102" s="42"/>
      <c r="K102" s="42"/>
      <c r="L102" s="42"/>
      <c r="M102" s="43"/>
      <c r="N102" s="25"/>
    </row>
    <row r="103" spans="2:14" s="28" customFormat="1" x14ac:dyDescent="0.2">
      <c r="B103" s="21"/>
      <c r="C103" s="24"/>
      <c r="D103" s="24"/>
      <c r="E103" s="24"/>
      <c r="F103" s="24"/>
      <c r="G103" s="25"/>
      <c r="H103" s="25"/>
      <c r="I103" s="25"/>
      <c r="J103" s="42"/>
      <c r="K103" s="42"/>
      <c r="L103" s="42"/>
      <c r="M103" s="43"/>
      <c r="N103" s="25"/>
    </row>
    <row r="104" spans="2:14" s="28" customFormat="1" x14ac:dyDescent="0.2">
      <c r="B104" s="21"/>
      <c r="C104" s="24"/>
      <c r="D104" s="24"/>
      <c r="E104" s="24"/>
      <c r="F104" s="24"/>
      <c r="G104" s="25"/>
      <c r="H104" s="25"/>
      <c r="I104" s="25"/>
      <c r="J104" s="42"/>
      <c r="K104" s="42"/>
      <c r="L104" s="42"/>
      <c r="M104" s="43"/>
      <c r="N104" s="25"/>
    </row>
    <row r="105" spans="2:14" s="28" customFormat="1" x14ac:dyDescent="0.2">
      <c r="B105" s="21"/>
      <c r="C105" s="24"/>
      <c r="D105" s="24"/>
      <c r="E105" s="24"/>
      <c r="F105" s="24"/>
      <c r="G105" s="25"/>
      <c r="H105" s="25"/>
      <c r="I105" s="25"/>
      <c r="J105" s="42"/>
      <c r="K105" s="42"/>
      <c r="L105" s="42"/>
      <c r="M105" s="43"/>
      <c r="N105" s="25"/>
    </row>
    <row r="106" spans="2:14" s="28" customFormat="1" x14ac:dyDescent="0.2">
      <c r="B106" s="21"/>
      <c r="C106" s="24"/>
      <c r="D106" s="24"/>
      <c r="E106" s="24"/>
      <c r="F106" s="24"/>
      <c r="G106" s="25"/>
      <c r="H106" s="25"/>
      <c r="I106" s="25"/>
      <c r="J106" s="42"/>
      <c r="K106" s="42"/>
      <c r="L106" s="42"/>
      <c r="M106" s="43"/>
      <c r="N106" s="25"/>
    </row>
    <row r="107" spans="2:14" s="28" customFormat="1" x14ac:dyDescent="0.2">
      <c r="B107" s="21"/>
      <c r="C107" s="24"/>
      <c r="D107" s="24"/>
      <c r="E107" s="24"/>
      <c r="F107" s="24"/>
      <c r="G107" s="25"/>
      <c r="H107" s="25"/>
      <c r="I107" s="25"/>
      <c r="J107" s="42"/>
      <c r="K107" s="42"/>
      <c r="L107" s="42"/>
      <c r="M107" s="43"/>
      <c r="N107" s="25"/>
    </row>
  </sheetData>
  <autoFilter ref="B6:L8" xr:uid="{B50DFCEA-9056-4364-B33B-7841E8D195B9}"/>
  <mergeCells count="16">
    <mergeCell ref="B1:B5"/>
    <mergeCell ref="B41:N41"/>
    <mergeCell ref="B9:N9"/>
    <mergeCell ref="B11:N11"/>
    <mergeCell ref="B7:N7"/>
    <mergeCell ref="B37:N37"/>
    <mergeCell ref="B13:N13"/>
    <mergeCell ref="B26:N26"/>
    <mergeCell ref="B39:N39"/>
    <mergeCell ref="B28:N28"/>
    <mergeCell ref="B30:N30"/>
    <mergeCell ref="B15:N15"/>
    <mergeCell ref="B19:N19"/>
    <mergeCell ref="B22:N22"/>
    <mergeCell ref="B24:N24"/>
    <mergeCell ref="C1:N5"/>
  </mergeCells>
  <dataValidations count="1">
    <dataValidation type="list" allowBlank="1" showInputMessage="1" showErrorMessage="1" sqref="G38 G14 G12 G10 G42:G44 G46" xr:uid="{2E2A9DE6-7EA0-44E2-9692-511BE2E5340C}">
      <formula1>"Social, Environment"</formula1>
    </dataValidation>
  </dataValidations>
  <hyperlinks>
    <hyperlink ref="N12" r:id="rId1" display="https://www.csr-in-deutschland.de/SharedDocs/Downloads/EN/act-corporate-due-diligence-obligations-supply-chains.pdf?__blob=publicationFile" xr:uid="{B7757DAD-63B2-44CE-BAF4-F4989628073B}"/>
    <hyperlink ref="N14" r:id="rId2" xr:uid="{93AA500E-F45D-4CC6-B726-F3D5037242A4}"/>
    <hyperlink ref="N16" r:id="rId3" xr:uid="{823E149C-ADEA-4984-9904-17EFDBE80B31}"/>
    <hyperlink ref="N17" r:id="rId4" display="https://www.mvoplatform.nl/en/wp-content/uploads/sites/6/2021/03/Bill-for-Responsible-and-Sustainable-International-Business-Conduct-unofficial-translation-MVO-Platform.pdf" xr:uid="{381CFC4F-9A37-4E54-97D8-70391A10C534}"/>
    <hyperlink ref="N21" r:id="rId5" display="https://www.regjeringen.no/contentassets/c33c3faf340441faa7388331a735f9d9/transparency-act-english-translation.pdf" xr:uid="{E80A71E9-DFD8-4CD3-8FA5-886E5F8419BE}"/>
    <hyperlink ref="N25" r:id="rId6" xr:uid="{CBEB50EC-0573-4B3C-98A4-275F05EC79E3}"/>
    <hyperlink ref="N31" r:id="rId7" xr:uid="{A802DD15-3BD5-46C1-8B18-8169D473A480}"/>
    <hyperlink ref="N32" r:id="rId8" display="https://lex.weblaw.ch/lex.php?norm_id=814.01&amp;source=SR&amp;lex_id=18101&amp;file=en-pdf_file_a.pdf" xr:uid="{BEBFA8FA-3275-40E6-AE78-A9A4B2F5483E}"/>
    <hyperlink ref="N33" r:id="rId9" display="https://www.fedlex.admin.ch/eli/cc/2021/306/en" xr:uid="{9624E7CA-C0AA-42EC-92B4-321F49D0025D}"/>
    <hyperlink ref="N27" r:id="rId10" xr:uid="{F5FD96A4-D21F-4554-B938-65BD218C3C71}"/>
    <hyperlink ref="N29" r:id="rId11" xr:uid="{FCD8C30B-4032-47E2-8D7E-7538BF4C7B83}"/>
    <hyperlink ref="N20" r:id="rId12" display="https://lovdata.no/static/lovtidend/ltavd1/2024/nl-20240625-069.pdf" xr:uid="{31E28625-3BA2-4057-B943-F07E88727B8C}"/>
    <hyperlink ref="N23" r:id="rId13" display="https://cn-1998260773-11-7vnsr40130.ibosscloud.com/syncCustomBranding/block_page/121719/563/563-block_page.html?fn=Default+TS+Users&amp;fp=1&amp;bu=legislatie.just.ro/Public/DetaliiDocument/274629&amp;bc=Geo+Ip+Location+RO&amp;ip=86.188.232.4&amp;ibip=cn-1174729809-9-vnsg14317.ibosscloud.com&amp;user=hsla&amp;pc=1" xr:uid="{14C1F87F-F6DB-4340-A356-E3AA8292876B}"/>
    <hyperlink ref="N8" r:id="rId14" display="https://www.parlament.gv.at/dokument/XXVII/A/1454/fnameorig_935996.html" xr:uid="{BEDE3BA7-A7BC-4B97-9167-A3547E51650E}"/>
    <hyperlink ref="N42" r:id="rId15" display="Modern Slavery Act 2015 (legislation.gov.uk)" xr:uid="{B3F1281D-87D6-490F-BCEC-8DC67F7AF552}"/>
    <hyperlink ref="N43" r:id="rId16" display="https://www.legislation.gov.uk/ukpga/2021/30/contents" xr:uid="{6B44C4E8-7D0F-425F-B484-6FEF7DEBF3A5}"/>
    <hyperlink ref="N44" r:id="rId17" display="https://www.legislation.gov.uk/uksi/2018/1025/contents/made" xr:uid="{78752650-1EE8-437C-8F33-8B5CC72C3C27}"/>
    <hyperlink ref="N10" r:id="rId18" xr:uid="{33CCCABA-9206-4517-AAD6-AD4D25049673}"/>
    <hyperlink ref="N46" r:id="rId19" xr:uid="{9BCD6D2C-58E4-4F47-93C2-C997058692F1}"/>
    <hyperlink ref="N38" r:id="rId20" display="https://kgk.gov.tr/Portalv2Uploads/files/Duyurular/v2/Surdurulebilirlik/Duyuru/KurumsalSurdurulebilirlikRaporlar%C4%B1naYonelikZorunluGuvenceDenetimlerineIliskinDuyuru.pdf" xr:uid="{93E6F0E6-DDF5-4A1C-8E05-2907B38413F6}"/>
    <hyperlink ref="N34" r:id="rId21" display="https://www.fedlex.admin.ch/eli/fga/2025/7/fr" xr:uid="{1E7AE10A-397B-46F8-8CC5-2ADA1CE70720}"/>
    <hyperlink ref="N35" r:id="rId22" xr:uid="{CC4EE0A8-42A4-4B3D-AF95-49A460D4B3C7}"/>
    <hyperlink ref="N45" r:id="rId23" display="https://www.legislation.gov.uk/ukpga/2006/46/contents" xr:uid="{1E1CB541-FFCA-4F62-AD3C-510CFAEB85C4}"/>
    <hyperlink ref="N18" r:id="rId24" xr:uid="{F358188F-3BFB-400C-BF12-1AD3483FE29F}"/>
    <hyperlink ref="N36" r:id="rId25" xr:uid="{D34CD7C3-1082-A04A-8AA0-91F21F3F963A}"/>
    <hyperlink ref="N40" r:id="rId26" xr:uid="{B0B60684-9D04-3148-AE0D-0ED8A9814534}"/>
  </hyperlinks>
  <pageMargins left="0.7" right="0.7" top="0.75" bottom="0.75" header="0.3" footer="0.3"/>
  <pageSetup scale="52" fitToHeight="0" orientation="landscape" r:id="rId27"/>
  <drawing r:id="rId28"/>
  <legacyDrawing r:id="rId29"/>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E749BE2-6515-4B36-BCA8-BC13169344C0}">
  <sheetPr>
    <pageSetUpPr fitToPage="1"/>
  </sheetPr>
  <dimension ref="A1:N122"/>
  <sheetViews>
    <sheetView showGridLines="0" topLeftCell="B1" zoomScale="70" zoomScaleNormal="70" workbookViewId="0">
      <pane ySplit="6" topLeftCell="A7" activePane="bottomLeft" state="frozen"/>
      <selection pane="bottomLeft" activeCell="B8" sqref="B8"/>
    </sheetView>
  </sheetViews>
  <sheetFormatPr defaultColWidth="8.875" defaultRowHeight="14.25" x14ac:dyDescent="0.2"/>
  <cols>
    <col min="1" max="1" width="8.875" style="176" hidden="1" customWidth="1"/>
    <col min="2" max="2" width="41.875" style="25" customWidth="1"/>
    <col min="3" max="3" width="29" style="178" customWidth="1"/>
    <col min="4" max="5" width="15.5" style="65" customWidth="1"/>
    <col min="6" max="8" width="13.125" style="65" customWidth="1"/>
    <col min="9" max="9" width="19.5" style="65" customWidth="1"/>
    <col min="10" max="10" width="56.5" style="25" customWidth="1"/>
    <col min="11" max="11" width="20.5" style="25" customWidth="1"/>
    <col min="12" max="12" width="41" style="25" customWidth="1"/>
    <col min="13" max="13" width="13.125" style="65" customWidth="1"/>
    <col min="14" max="14" width="33.5" style="65" customWidth="1"/>
    <col min="15" max="16384" width="8.875" style="176"/>
  </cols>
  <sheetData>
    <row r="1" spans="2:14" x14ac:dyDescent="0.2">
      <c r="B1" s="289"/>
      <c r="C1" s="278" t="s">
        <v>514</v>
      </c>
      <c r="D1" s="278"/>
      <c r="E1" s="278"/>
      <c r="F1" s="278"/>
      <c r="G1" s="278"/>
      <c r="H1" s="278"/>
      <c r="I1" s="278"/>
      <c r="J1" s="278"/>
      <c r="K1" s="278"/>
      <c r="L1" s="278"/>
      <c r="M1" s="278"/>
      <c r="N1" s="278"/>
    </row>
    <row r="2" spans="2:14" ht="30" customHeight="1" x14ac:dyDescent="0.2">
      <c r="B2" s="289"/>
      <c r="C2" s="278"/>
      <c r="D2" s="278"/>
      <c r="E2" s="278"/>
      <c r="F2" s="278"/>
      <c r="G2" s="278"/>
      <c r="H2" s="278"/>
      <c r="I2" s="278"/>
      <c r="J2" s="278"/>
      <c r="K2" s="278"/>
      <c r="L2" s="278"/>
      <c r="M2" s="278"/>
      <c r="N2" s="278"/>
    </row>
    <row r="3" spans="2:14" ht="7.5" customHeight="1" x14ac:dyDescent="0.2">
      <c r="B3" s="289"/>
      <c r="C3" s="278"/>
      <c r="D3" s="278"/>
      <c r="E3" s="278"/>
      <c r="F3" s="278"/>
      <c r="G3" s="278"/>
      <c r="H3" s="278"/>
      <c r="I3" s="278"/>
      <c r="J3" s="278"/>
      <c r="K3" s="278"/>
      <c r="L3" s="278"/>
      <c r="M3" s="278"/>
      <c r="N3" s="278"/>
    </row>
    <row r="4" spans="2:14" x14ac:dyDescent="0.2">
      <c r="B4" s="289"/>
      <c r="C4" s="278"/>
      <c r="D4" s="278"/>
      <c r="E4" s="278"/>
      <c r="F4" s="278"/>
      <c r="G4" s="278"/>
      <c r="H4" s="278"/>
      <c r="I4" s="278"/>
      <c r="J4" s="278"/>
      <c r="K4" s="278"/>
      <c r="L4" s="278"/>
      <c r="M4" s="278"/>
      <c r="N4" s="278"/>
    </row>
    <row r="5" spans="2:14" ht="20.100000000000001" customHeight="1" x14ac:dyDescent="0.2">
      <c r="B5" s="289"/>
      <c r="C5" s="278"/>
      <c r="D5" s="278"/>
      <c r="E5" s="278"/>
      <c r="F5" s="278"/>
      <c r="G5" s="278"/>
      <c r="H5" s="278"/>
      <c r="I5" s="278"/>
      <c r="J5" s="278"/>
      <c r="K5" s="278"/>
      <c r="L5" s="278"/>
      <c r="M5" s="278"/>
      <c r="N5" s="278"/>
    </row>
    <row r="6" spans="2:14" ht="57" customHeight="1" x14ac:dyDescent="0.2">
      <c r="B6" s="94" t="s">
        <v>7</v>
      </c>
      <c r="C6" s="95" t="s">
        <v>8</v>
      </c>
      <c r="D6" s="95" t="s">
        <v>59</v>
      </c>
      <c r="E6" s="95" t="s">
        <v>1</v>
      </c>
      <c r="F6" s="95" t="s">
        <v>6</v>
      </c>
      <c r="G6" s="95" t="s">
        <v>9</v>
      </c>
      <c r="H6" s="95" t="s">
        <v>12</v>
      </c>
      <c r="I6" s="95" t="s">
        <v>56</v>
      </c>
      <c r="J6" s="95" t="s">
        <v>5</v>
      </c>
      <c r="K6" s="95" t="s">
        <v>15</v>
      </c>
      <c r="L6" s="95" t="s">
        <v>16</v>
      </c>
      <c r="M6" s="95" t="s">
        <v>79</v>
      </c>
      <c r="N6" s="96" t="s">
        <v>10</v>
      </c>
    </row>
    <row r="7" spans="2:14" s="28" customFormat="1" ht="24" customHeight="1" x14ac:dyDescent="0.2">
      <c r="B7" s="268" t="s">
        <v>212</v>
      </c>
      <c r="C7" s="269"/>
      <c r="D7" s="269"/>
      <c r="E7" s="269"/>
      <c r="F7" s="269"/>
      <c r="G7" s="269"/>
      <c r="H7" s="269"/>
      <c r="I7" s="269"/>
      <c r="J7" s="269"/>
      <c r="K7" s="269"/>
      <c r="L7" s="269"/>
      <c r="M7" s="269"/>
      <c r="N7" s="270"/>
    </row>
    <row r="8" spans="2:14" s="28" customFormat="1" ht="207" customHeight="1" x14ac:dyDescent="0.2">
      <c r="B8" s="97" t="s">
        <v>212</v>
      </c>
      <c r="C8" s="29" t="s">
        <v>71</v>
      </c>
      <c r="D8" s="45">
        <v>44378</v>
      </c>
      <c r="E8" s="35" t="s">
        <v>33</v>
      </c>
      <c r="F8" s="45" t="s">
        <v>31</v>
      </c>
      <c r="G8" s="35" t="s">
        <v>13</v>
      </c>
      <c r="H8" s="35" t="s">
        <v>148</v>
      </c>
      <c r="I8" s="35" t="s">
        <v>61</v>
      </c>
      <c r="J8" s="36" t="s">
        <v>468</v>
      </c>
      <c r="K8" s="35" t="s">
        <v>38</v>
      </c>
      <c r="L8" s="53" t="s">
        <v>469</v>
      </c>
      <c r="M8" s="36" t="s">
        <v>60</v>
      </c>
      <c r="N8" s="179" t="s">
        <v>173</v>
      </c>
    </row>
    <row r="9" spans="2:14" ht="21.75" customHeight="1" x14ac:dyDescent="0.2">
      <c r="B9" s="265" t="s">
        <v>322</v>
      </c>
      <c r="C9" s="266"/>
      <c r="D9" s="266"/>
      <c r="E9" s="266"/>
      <c r="F9" s="266"/>
      <c r="G9" s="266"/>
      <c r="H9" s="266"/>
      <c r="I9" s="266"/>
      <c r="J9" s="266"/>
      <c r="K9" s="266"/>
      <c r="L9" s="266"/>
      <c r="M9" s="266"/>
      <c r="N9" s="267"/>
    </row>
    <row r="10" spans="2:14" ht="223.15" customHeight="1" x14ac:dyDescent="0.2">
      <c r="B10" s="97" t="s">
        <v>322</v>
      </c>
      <c r="C10" s="54" t="s">
        <v>531</v>
      </c>
      <c r="D10" s="245" t="s">
        <v>227</v>
      </c>
      <c r="E10" s="54" t="s">
        <v>312</v>
      </c>
      <c r="F10" s="54" t="s">
        <v>31</v>
      </c>
      <c r="G10" s="35" t="s">
        <v>151</v>
      </c>
      <c r="H10" s="54" t="s">
        <v>148</v>
      </c>
      <c r="I10" s="35" t="s">
        <v>67</v>
      </c>
      <c r="J10" s="36" t="s">
        <v>534</v>
      </c>
      <c r="K10" s="36" t="s">
        <v>470</v>
      </c>
      <c r="L10" s="36" t="s">
        <v>532</v>
      </c>
      <c r="M10" s="36" t="s">
        <v>60</v>
      </c>
      <c r="N10" s="246" t="s">
        <v>533</v>
      </c>
    </row>
    <row r="11" spans="2:14" ht="21.75" customHeight="1" x14ac:dyDescent="0.2">
      <c r="B11" s="265" t="s">
        <v>65</v>
      </c>
      <c r="C11" s="266"/>
      <c r="D11" s="266"/>
      <c r="E11" s="266"/>
      <c r="F11" s="266"/>
      <c r="G11" s="266"/>
      <c r="H11" s="266"/>
      <c r="I11" s="266"/>
      <c r="J11" s="266"/>
      <c r="K11" s="266"/>
      <c r="L11" s="266"/>
      <c r="M11" s="266"/>
      <c r="N11" s="267"/>
    </row>
    <row r="12" spans="2:14" ht="262.5" customHeight="1" x14ac:dyDescent="0.2">
      <c r="B12" s="194" t="s">
        <v>65</v>
      </c>
      <c r="C12" s="223" t="s">
        <v>213</v>
      </c>
      <c r="D12" s="224">
        <v>44774</v>
      </c>
      <c r="E12" s="210" t="s">
        <v>33</v>
      </c>
      <c r="F12" s="210" t="s">
        <v>31</v>
      </c>
      <c r="G12" s="210" t="s">
        <v>13</v>
      </c>
      <c r="H12" s="210" t="s">
        <v>214</v>
      </c>
      <c r="I12" s="58" t="s">
        <v>156</v>
      </c>
      <c r="J12" s="49" t="s">
        <v>471</v>
      </c>
      <c r="K12" s="49" t="s">
        <v>38</v>
      </c>
      <c r="L12" s="49" t="s">
        <v>472</v>
      </c>
      <c r="M12" s="116" t="s">
        <v>179</v>
      </c>
      <c r="N12" s="225" t="s">
        <v>66</v>
      </c>
    </row>
    <row r="13" spans="2:14" ht="15" x14ac:dyDescent="0.2">
      <c r="B13" s="221"/>
      <c r="C13" s="219"/>
      <c r="D13" s="220"/>
      <c r="E13" s="220"/>
      <c r="F13" s="228"/>
      <c r="G13" s="220"/>
      <c r="H13" s="220"/>
      <c r="I13" s="220"/>
      <c r="J13" s="229"/>
      <c r="K13" s="220"/>
      <c r="L13" s="229"/>
      <c r="M13" s="220"/>
      <c r="N13" s="230"/>
    </row>
    <row r="14" spans="2:14" ht="15" x14ac:dyDescent="0.2">
      <c r="B14" s="61"/>
      <c r="C14" s="218"/>
      <c r="D14" s="25"/>
      <c r="E14" s="25"/>
      <c r="F14" s="226"/>
      <c r="G14" s="25"/>
      <c r="H14" s="25"/>
      <c r="I14" s="25"/>
      <c r="J14" s="43"/>
      <c r="L14" s="43"/>
      <c r="M14" s="25"/>
      <c r="N14" s="227"/>
    </row>
    <row r="15" spans="2:14" x14ac:dyDescent="0.2">
      <c r="B15" s="61"/>
      <c r="C15" s="25"/>
      <c r="D15" s="61"/>
      <c r="E15" s="61"/>
      <c r="F15" s="61"/>
      <c r="G15" s="61"/>
      <c r="H15" s="61"/>
      <c r="I15" s="61"/>
      <c r="J15" s="61"/>
      <c r="K15" s="61"/>
      <c r="L15" s="61"/>
      <c r="M15" s="61"/>
      <c r="N15" s="61"/>
    </row>
    <row r="16" spans="2:14" x14ac:dyDescent="0.2">
      <c r="B16" s="61"/>
      <c r="C16" s="25"/>
      <c r="D16" s="61"/>
      <c r="E16" s="61"/>
      <c r="F16" s="61"/>
      <c r="G16" s="61"/>
      <c r="H16" s="61"/>
      <c r="I16" s="61"/>
      <c r="J16" s="61"/>
      <c r="K16" s="61"/>
      <c r="L16" s="61"/>
      <c r="M16" s="61"/>
      <c r="N16" s="61"/>
    </row>
    <row r="17" spans="2:14" x14ac:dyDescent="0.2">
      <c r="B17" s="61"/>
      <c r="C17" s="25"/>
      <c r="D17" s="61"/>
      <c r="E17" s="61"/>
      <c r="F17" s="61"/>
      <c r="G17" s="61"/>
      <c r="H17" s="61"/>
      <c r="I17" s="61"/>
      <c r="J17" s="61"/>
      <c r="K17" s="61"/>
      <c r="L17" s="61"/>
      <c r="M17" s="61"/>
      <c r="N17" s="61"/>
    </row>
    <row r="18" spans="2:14" x14ac:dyDescent="0.2">
      <c r="C18" s="25"/>
      <c r="D18" s="25"/>
      <c r="E18" s="25"/>
      <c r="F18" s="25"/>
      <c r="G18" s="25"/>
      <c r="H18" s="25"/>
      <c r="I18" s="25"/>
      <c r="M18" s="25"/>
      <c r="N18" s="25"/>
    </row>
    <row r="19" spans="2:14" x14ac:dyDescent="0.2">
      <c r="C19" s="25"/>
      <c r="D19" s="25"/>
      <c r="E19" s="25"/>
      <c r="F19" s="25"/>
      <c r="G19" s="25"/>
      <c r="H19" s="25"/>
      <c r="I19" s="25"/>
      <c r="M19" s="25"/>
      <c r="N19" s="25"/>
    </row>
    <row r="20" spans="2:14" x14ac:dyDescent="0.2">
      <c r="C20" s="25"/>
      <c r="D20" s="25"/>
      <c r="E20" s="25"/>
      <c r="F20" s="25"/>
      <c r="G20" s="25"/>
      <c r="H20" s="25"/>
      <c r="I20" s="25"/>
      <c r="M20" s="25"/>
      <c r="N20" s="25"/>
    </row>
    <row r="21" spans="2:14" x14ac:dyDescent="0.2">
      <c r="C21" s="25"/>
      <c r="D21" s="25"/>
      <c r="E21" s="25"/>
      <c r="F21" s="25"/>
      <c r="G21" s="25"/>
      <c r="H21" s="25"/>
      <c r="I21" s="25"/>
      <c r="M21" s="25"/>
      <c r="N21" s="25"/>
    </row>
    <row r="22" spans="2:14" x14ac:dyDescent="0.2">
      <c r="C22" s="25"/>
      <c r="D22" s="25"/>
      <c r="E22" s="25"/>
      <c r="F22" s="25"/>
      <c r="G22" s="25"/>
      <c r="H22" s="25"/>
      <c r="I22" s="25"/>
      <c r="M22" s="25"/>
      <c r="N22" s="25"/>
    </row>
    <row r="23" spans="2:14" x14ac:dyDescent="0.2">
      <c r="C23" s="25"/>
      <c r="D23" s="25"/>
      <c r="E23" s="25"/>
      <c r="F23" s="25"/>
      <c r="G23" s="25"/>
      <c r="H23" s="25"/>
      <c r="I23" s="25"/>
      <c r="M23" s="25"/>
      <c r="N23" s="25"/>
    </row>
    <row r="24" spans="2:14" x14ac:dyDescent="0.2">
      <c r="C24" s="25"/>
      <c r="D24" s="25"/>
      <c r="E24" s="25"/>
      <c r="F24" s="25"/>
      <c r="G24" s="25"/>
      <c r="H24" s="25"/>
      <c r="I24" s="25"/>
      <c r="M24" s="25"/>
      <c r="N24" s="25"/>
    </row>
    <row r="25" spans="2:14" x14ac:dyDescent="0.2">
      <c r="C25" s="25"/>
      <c r="D25" s="25"/>
      <c r="E25" s="25"/>
      <c r="F25" s="25"/>
      <c r="G25" s="25"/>
      <c r="H25" s="25"/>
      <c r="I25" s="25"/>
      <c r="M25" s="25"/>
      <c r="N25" s="25"/>
    </row>
    <row r="26" spans="2:14" x14ac:dyDescent="0.2">
      <c r="C26" s="25"/>
      <c r="D26" s="25"/>
      <c r="E26" s="25"/>
      <c r="F26" s="25"/>
      <c r="G26" s="25"/>
      <c r="H26" s="25"/>
      <c r="I26" s="25"/>
      <c r="M26" s="25"/>
      <c r="N26" s="25"/>
    </row>
    <row r="27" spans="2:14" x14ac:dyDescent="0.2">
      <c r="C27" s="25"/>
      <c r="D27" s="25"/>
      <c r="E27" s="25"/>
      <c r="F27" s="25"/>
      <c r="G27" s="25"/>
      <c r="H27" s="25"/>
      <c r="I27" s="25"/>
      <c r="M27" s="25"/>
      <c r="N27" s="25"/>
    </row>
    <row r="28" spans="2:14" x14ac:dyDescent="0.2">
      <c r="C28" s="25"/>
      <c r="D28" s="25"/>
      <c r="E28" s="25"/>
      <c r="F28" s="25"/>
      <c r="G28" s="25"/>
      <c r="H28" s="25"/>
      <c r="I28" s="25"/>
      <c r="M28" s="25"/>
      <c r="N28" s="25"/>
    </row>
    <row r="29" spans="2:14" x14ac:dyDescent="0.2">
      <c r="C29" s="25"/>
      <c r="D29" s="25"/>
      <c r="E29" s="25"/>
      <c r="F29" s="25"/>
      <c r="G29" s="25"/>
      <c r="H29" s="25"/>
      <c r="I29" s="25"/>
      <c r="M29" s="25"/>
      <c r="N29" s="25"/>
    </row>
    <row r="30" spans="2:14" x14ac:dyDescent="0.2">
      <c r="C30" s="25"/>
      <c r="D30" s="25"/>
      <c r="E30" s="25"/>
      <c r="F30" s="25"/>
      <c r="G30" s="25"/>
      <c r="H30" s="25"/>
      <c r="I30" s="25"/>
      <c r="M30" s="25"/>
      <c r="N30" s="25"/>
    </row>
    <row r="31" spans="2:14" x14ac:dyDescent="0.2">
      <c r="C31" s="25"/>
      <c r="D31" s="61"/>
      <c r="E31" s="25"/>
      <c r="F31" s="25"/>
      <c r="G31" s="25"/>
      <c r="H31" s="25"/>
      <c r="I31" s="25"/>
      <c r="M31" s="25"/>
      <c r="N31" s="25"/>
    </row>
    <row r="32" spans="2:14" x14ac:dyDescent="0.2">
      <c r="C32" s="25"/>
      <c r="D32" s="25"/>
      <c r="E32" s="25"/>
      <c r="F32" s="25"/>
      <c r="G32" s="25"/>
      <c r="H32" s="25"/>
      <c r="I32" s="25"/>
      <c r="M32" s="25"/>
      <c r="N32" s="25"/>
    </row>
    <row r="33" spans="3:14" x14ac:dyDescent="0.2">
      <c r="C33" s="25"/>
      <c r="D33" s="25"/>
      <c r="E33" s="25"/>
      <c r="F33" s="25"/>
      <c r="G33" s="25"/>
      <c r="H33" s="25"/>
      <c r="I33" s="25"/>
      <c r="M33" s="25"/>
      <c r="N33" s="25"/>
    </row>
    <row r="34" spans="3:14" x14ac:dyDescent="0.2">
      <c r="C34" s="25"/>
      <c r="D34" s="25"/>
      <c r="E34" s="25"/>
      <c r="F34" s="25"/>
      <c r="G34" s="25"/>
      <c r="H34" s="25"/>
      <c r="I34" s="25"/>
      <c r="M34" s="25"/>
      <c r="N34" s="25"/>
    </row>
    <row r="35" spans="3:14" x14ac:dyDescent="0.2">
      <c r="C35" s="25"/>
      <c r="D35" s="25"/>
      <c r="E35" s="25"/>
      <c r="F35" s="25"/>
      <c r="G35" s="25"/>
      <c r="H35" s="25"/>
      <c r="I35" s="25"/>
      <c r="M35" s="25"/>
      <c r="N35" s="25"/>
    </row>
    <row r="36" spans="3:14" x14ac:dyDescent="0.2">
      <c r="C36" s="25"/>
      <c r="D36" s="25"/>
      <c r="E36" s="25"/>
      <c r="F36" s="25"/>
      <c r="G36" s="25"/>
      <c r="H36" s="25"/>
      <c r="I36" s="25"/>
      <c r="M36" s="25"/>
      <c r="N36" s="25"/>
    </row>
    <row r="37" spans="3:14" x14ac:dyDescent="0.2">
      <c r="C37" s="25"/>
      <c r="D37" s="25"/>
      <c r="E37" s="25"/>
      <c r="F37" s="25"/>
      <c r="G37" s="25"/>
      <c r="H37" s="25"/>
      <c r="I37" s="25"/>
      <c r="M37" s="25"/>
      <c r="N37" s="25"/>
    </row>
    <row r="38" spans="3:14" x14ac:dyDescent="0.2">
      <c r="C38" s="25"/>
      <c r="D38" s="25"/>
      <c r="E38" s="25"/>
      <c r="F38" s="25"/>
      <c r="G38" s="25"/>
      <c r="H38" s="25"/>
      <c r="I38" s="25"/>
      <c r="M38" s="25"/>
      <c r="N38" s="25"/>
    </row>
    <row r="39" spans="3:14" x14ac:dyDescent="0.2">
      <c r="C39" s="25"/>
      <c r="D39" s="25"/>
      <c r="E39" s="25"/>
      <c r="F39" s="25"/>
      <c r="G39" s="25"/>
      <c r="H39" s="25"/>
      <c r="I39" s="25"/>
      <c r="M39" s="25"/>
      <c r="N39" s="25"/>
    </row>
    <row r="40" spans="3:14" x14ac:dyDescent="0.2">
      <c r="C40" s="25"/>
      <c r="D40" s="25"/>
      <c r="E40" s="25"/>
      <c r="F40" s="25"/>
      <c r="G40" s="25"/>
      <c r="H40" s="25"/>
      <c r="I40" s="25"/>
      <c r="M40" s="25"/>
      <c r="N40" s="25"/>
    </row>
    <row r="41" spans="3:14" x14ac:dyDescent="0.2">
      <c r="C41" s="25"/>
      <c r="D41" s="25"/>
      <c r="E41" s="25"/>
      <c r="F41" s="25"/>
      <c r="G41" s="25"/>
      <c r="H41" s="25"/>
      <c r="I41" s="25"/>
      <c r="M41" s="25"/>
      <c r="N41" s="25"/>
    </row>
    <row r="42" spans="3:14" x14ac:dyDescent="0.2">
      <c r="C42" s="25"/>
      <c r="D42" s="25"/>
      <c r="E42" s="25"/>
      <c r="F42" s="25"/>
      <c r="G42" s="25"/>
      <c r="H42" s="25"/>
      <c r="I42" s="25"/>
      <c r="M42" s="25"/>
      <c r="N42" s="25"/>
    </row>
    <row r="43" spans="3:14" x14ac:dyDescent="0.2">
      <c r="C43" s="25"/>
      <c r="D43" s="25"/>
      <c r="E43" s="25"/>
      <c r="F43" s="25"/>
      <c r="G43" s="25"/>
      <c r="H43" s="25"/>
      <c r="I43" s="25"/>
      <c r="M43" s="25"/>
      <c r="N43" s="25"/>
    </row>
    <row r="44" spans="3:14" x14ac:dyDescent="0.2">
      <c r="C44" s="25"/>
      <c r="D44" s="25"/>
      <c r="E44" s="25"/>
      <c r="F44" s="25"/>
      <c r="G44" s="25"/>
      <c r="H44" s="25"/>
      <c r="I44" s="25"/>
      <c r="M44" s="25"/>
      <c r="N44" s="25"/>
    </row>
    <row r="45" spans="3:14" x14ac:dyDescent="0.2">
      <c r="C45" s="25"/>
      <c r="D45" s="25"/>
      <c r="E45" s="25"/>
      <c r="F45" s="25"/>
      <c r="G45" s="25"/>
      <c r="H45" s="25"/>
      <c r="I45" s="25"/>
      <c r="M45" s="25"/>
      <c r="N45" s="25"/>
    </row>
    <row r="46" spans="3:14" x14ac:dyDescent="0.2">
      <c r="C46" s="25"/>
      <c r="D46" s="25"/>
      <c r="E46" s="25"/>
      <c r="F46" s="25"/>
      <c r="G46" s="25"/>
      <c r="H46" s="25"/>
      <c r="I46" s="25"/>
      <c r="M46" s="25"/>
      <c r="N46" s="25"/>
    </row>
    <row r="47" spans="3:14" x14ac:dyDescent="0.2">
      <c r="C47" s="25"/>
      <c r="D47" s="25"/>
      <c r="E47" s="25"/>
      <c r="F47" s="25"/>
      <c r="G47" s="25"/>
      <c r="H47" s="25"/>
      <c r="I47" s="25"/>
      <c r="M47" s="25"/>
      <c r="N47" s="25"/>
    </row>
    <row r="48" spans="3:14" x14ac:dyDescent="0.2">
      <c r="C48" s="25"/>
      <c r="D48" s="25"/>
      <c r="E48" s="25"/>
      <c r="F48" s="25"/>
      <c r="G48" s="25"/>
      <c r="H48" s="25"/>
      <c r="I48" s="25"/>
      <c r="M48" s="25"/>
      <c r="N48" s="25"/>
    </row>
    <row r="49" spans="3:14" x14ac:dyDescent="0.2">
      <c r="C49" s="25"/>
      <c r="D49" s="25"/>
      <c r="E49" s="25"/>
      <c r="F49" s="25"/>
      <c r="G49" s="25"/>
      <c r="H49" s="25"/>
      <c r="I49" s="25"/>
      <c r="M49" s="25"/>
      <c r="N49" s="25"/>
    </row>
    <row r="50" spans="3:14" x14ac:dyDescent="0.2">
      <c r="C50" s="25"/>
      <c r="D50" s="25"/>
      <c r="E50" s="25"/>
      <c r="F50" s="25"/>
      <c r="G50" s="25"/>
      <c r="H50" s="25"/>
      <c r="I50" s="25"/>
      <c r="M50" s="25"/>
      <c r="N50" s="25"/>
    </row>
    <row r="51" spans="3:14" x14ac:dyDescent="0.2">
      <c r="C51" s="25"/>
      <c r="D51" s="25"/>
      <c r="E51" s="25"/>
      <c r="F51" s="25"/>
      <c r="G51" s="25"/>
      <c r="H51" s="25"/>
      <c r="I51" s="25"/>
      <c r="M51" s="25"/>
      <c r="N51" s="25"/>
    </row>
    <row r="52" spans="3:14" x14ac:dyDescent="0.2">
      <c r="C52" s="25"/>
      <c r="D52" s="25"/>
      <c r="E52" s="25"/>
      <c r="F52" s="25"/>
      <c r="G52" s="25"/>
      <c r="H52" s="25"/>
      <c r="I52" s="25"/>
      <c r="M52" s="25"/>
      <c r="N52" s="25"/>
    </row>
    <row r="53" spans="3:14" x14ac:dyDescent="0.2">
      <c r="C53" s="25"/>
      <c r="D53" s="25"/>
      <c r="E53" s="25"/>
      <c r="F53" s="25"/>
      <c r="G53" s="25"/>
      <c r="H53" s="25"/>
      <c r="I53" s="25"/>
      <c r="M53" s="25"/>
      <c r="N53" s="25"/>
    </row>
    <row r="54" spans="3:14" x14ac:dyDescent="0.2">
      <c r="C54" s="25"/>
      <c r="D54" s="25"/>
      <c r="E54" s="25"/>
      <c r="F54" s="25"/>
      <c r="G54" s="25"/>
      <c r="H54" s="25"/>
      <c r="I54" s="25"/>
      <c r="M54" s="25"/>
      <c r="N54" s="25"/>
    </row>
    <row r="55" spans="3:14" x14ac:dyDescent="0.2">
      <c r="C55" s="25"/>
      <c r="D55" s="25"/>
      <c r="E55" s="25"/>
      <c r="F55" s="25"/>
      <c r="G55" s="25"/>
      <c r="H55" s="25"/>
      <c r="I55" s="25"/>
      <c r="M55" s="25"/>
      <c r="N55" s="25"/>
    </row>
    <row r="56" spans="3:14" x14ac:dyDescent="0.2">
      <c r="C56" s="25"/>
      <c r="D56" s="25"/>
      <c r="E56" s="25"/>
      <c r="F56" s="25"/>
      <c r="G56" s="25"/>
      <c r="H56" s="25"/>
      <c r="I56" s="25"/>
      <c r="M56" s="25"/>
      <c r="N56" s="25"/>
    </row>
    <row r="57" spans="3:14" x14ac:dyDescent="0.2">
      <c r="C57" s="25"/>
      <c r="D57" s="25"/>
      <c r="E57" s="25"/>
      <c r="F57" s="25"/>
      <c r="G57" s="25"/>
      <c r="H57" s="25"/>
      <c r="I57" s="25"/>
      <c r="M57" s="25"/>
      <c r="N57" s="25"/>
    </row>
    <row r="58" spans="3:14" x14ac:dyDescent="0.2">
      <c r="C58" s="25"/>
      <c r="D58" s="25"/>
      <c r="E58" s="25"/>
      <c r="F58" s="25"/>
      <c r="G58" s="25"/>
      <c r="H58" s="25"/>
      <c r="I58" s="25"/>
      <c r="M58" s="25"/>
      <c r="N58" s="25"/>
    </row>
    <row r="59" spans="3:14" x14ac:dyDescent="0.2">
      <c r="C59" s="25"/>
      <c r="D59" s="25"/>
      <c r="E59" s="25"/>
      <c r="F59" s="25"/>
      <c r="G59" s="25"/>
      <c r="H59" s="25"/>
      <c r="I59" s="25"/>
      <c r="M59" s="25"/>
      <c r="N59" s="25"/>
    </row>
    <row r="60" spans="3:14" x14ac:dyDescent="0.2">
      <c r="C60" s="25"/>
      <c r="D60" s="25"/>
      <c r="E60" s="25"/>
      <c r="F60" s="25"/>
      <c r="G60" s="25"/>
      <c r="H60" s="25"/>
      <c r="I60" s="25"/>
      <c r="M60" s="25"/>
      <c r="N60" s="25"/>
    </row>
    <row r="61" spans="3:14" x14ac:dyDescent="0.2">
      <c r="C61" s="25"/>
      <c r="D61" s="25"/>
      <c r="E61" s="25"/>
      <c r="F61" s="25"/>
      <c r="G61" s="25"/>
      <c r="H61" s="25"/>
      <c r="I61" s="25"/>
      <c r="M61" s="25"/>
      <c r="N61" s="25"/>
    </row>
    <row r="62" spans="3:14" x14ac:dyDescent="0.2">
      <c r="C62" s="25"/>
      <c r="D62" s="25"/>
      <c r="E62" s="25"/>
      <c r="F62" s="25"/>
      <c r="G62" s="25"/>
      <c r="H62" s="25"/>
      <c r="I62" s="25"/>
      <c r="M62" s="25"/>
      <c r="N62" s="25"/>
    </row>
    <row r="63" spans="3:14" x14ac:dyDescent="0.2">
      <c r="C63" s="25"/>
      <c r="D63" s="25"/>
      <c r="E63" s="25"/>
      <c r="F63" s="25"/>
      <c r="G63" s="25"/>
      <c r="H63" s="25"/>
      <c r="I63" s="25"/>
      <c r="M63" s="25"/>
      <c r="N63" s="25"/>
    </row>
    <row r="64" spans="3:14" x14ac:dyDescent="0.2">
      <c r="C64" s="25"/>
      <c r="D64" s="25"/>
      <c r="E64" s="25"/>
      <c r="F64" s="25"/>
      <c r="G64" s="25"/>
      <c r="H64" s="25"/>
      <c r="I64" s="25"/>
      <c r="M64" s="25"/>
      <c r="N64" s="25"/>
    </row>
    <row r="65" spans="3:14" x14ac:dyDescent="0.2">
      <c r="C65" s="25"/>
      <c r="D65" s="25"/>
      <c r="E65" s="25"/>
      <c r="F65" s="25"/>
      <c r="G65" s="25"/>
      <c r="H65" s="25"/>
      <c r="I65" s="25"/>
      <c r="M65" s="25"/>
      <c r="N65" s="25"/>
    </row>
    <row r="66" spans="3:14" x14ac:dyDescent="0.2">
      <c r="C66" s="25"/>
      <c r="D66" s="25"/>
      <c r="E66" s="25"/>
      <c r="F66" s="25"/>
      <c r="G66" s="25"/>
      <c r="H66" s="25"/>
      <c r="I66" s="25"/>
      <c r="M66" s="25"/>
      <c r="N66" s="25"/>
    </row>
    <row r="67" spans="3:14" x14ac:dyDescent="0.2">
      <c r="C67" s="25"/>
      <c r="D67" s="25"/>
      <c r="E67" s="25"/>
      <c r="F67" s="25"/>
      <c r="G67" s="25"/>
      <c r="H67" s="25"/>
      <c r="I67" s="25"/>
      <c r="M67" s="25"/>
      <c r="N67" s="25"/>
    </row>
    <row r="68" spans="3:14" x14ac:dyDescent="0.2">
      <c r="C68" s="25"/>
      <c r="D68" s="25"/>
      <c r="E68" s="25"/>
      <c r="F68" s="25"/>
      <c r="G68" s="25"/>
      <c r="H68" s="25"/>
      <c r="I68" s="25"/>
      <c r="M68" s="25"/>
      <c r="N68" s="25"/>
    </row>
    <row r="69" spans="3:14" x14ac:dyDescent="0.2">
      <c r="C69" s="25"/>
      <c r="D69" s="25"/>
      <c r="E69" s="25"/>
      <c r="F69" s="25"/>
      <c r="G69" s="25"/>
      <c r="H69" s="25"/>
      <c r="I69" s="25"/>
      <c r="M69" s="25"/>
      <c r="N69" s="25"/>
    </row>
    <row r="70" spans="3:14" x14ac:dyDescent="0.2">
      <c r="C70" s="25"/>
      <c r="D70" s="25"/>
      <c r="E70" s="25"/>
      <c r="F70" s="25"/>
      <c r="G70" s="25"/>
      <c r="H70" s="25"/>
      <c r="I70" s="25"/>
      <c r="M70" s="25"/>
      <c r="N70" s="25"/>
    </row>
    <row r="71" spans="3:14" x14ac:dyDescent="0.2">
      <c r="C71" s="25"/>
      <c r="D71" s="25"/>
      <c r="E71" s="25"/>
      <c r="F71" s="25"/>
      <c r="G71" s="25"/>
      <c r="H71" s="25"/>
      <c r="I71" s="25"/>
      <c r="M71" s="25"/>
      <c r="N71" s="25"/>
    </row>
    <row r="72" spans="3:14" x14ac:dyDescent="0.2">
      <c r="C72" s="25"/>
      <c r="D72" s="25"/>
      <c r="E72" s="25"/>
      <c r="F72" s="25"/>
      <c r="G72" s="25"/>
      <c r="H72" s="25"/>
      <c r="I72" s="25"/>
      <c r="M72" s="25"/>
      <c r="N72" s="25"/>
    </row>
    <row r="73" spans="3:14" x14ac:dyDescent="0.2">
      <c r="C73" s="25"/>
      <c r="D73" s="25"/>
      <c r="E73" s="25"/>
      <c r="F73" s="25"/>
      <c r="G73" s="25"/>
      <c r="H73" s="25"/>
      <c r="I73" s="25"/>
      <c r="M73" s="25"/>
      <c r="N73" s="25"/>
    </row>
    <row r="74" spans="3:14" x14ac:dyDescent="0.2">
      <c r="C74" s="25"/>
      <c r="D74" s="25"/>
      <c r="E74" s="25"/>
      <c r="F74" s="25"/>
      <c r="G74" s="25"/>
      <c r="H74" s="25"/>
      <c r="I74" s="25"/>
      <c r="M74" s="25"/>
      <c r="N74" s="25"/>
    </row>
    <row r="75" spans="3:14" x14ac:dyDescent="0.2">
      <c r="C75" s="25"/>
      <c r="D75" s="25"/>
      <c r="E75" s="25"/>
      <c r="F75" s="25"/>
      <c r="G75" s="25"/>
      <c r="H75" s="25"/>
      <c r="I75" s="25"/>
      <c r="M75" s="25"/>
      <c r="N75" s="25"/>
    </row>
    <row r="76" spans="3:14" x14ac:dyDescent="0.2">
      <c r="C76" s="25"/>
      <c r="D76" s="25"/>
      <c r="E76" s="25"/>
      <c r="F76" s="25"/>
      <c r="G76" s="25"/>
      <c r="H76" s="25"/>
      <c r="I76" s="25"/>
      <c r="M76" s="25"/>
      <c r="N76" s="25"/>
    </row>
    <row r="77" spans="3:14" x14ac:dyDescent="0.2">
      <c r="C77" s="25"/>
      <c r="D77" s="25"/>
      <c r="E77" s="25"/>
      <c r="F77" s="25"/>
      <c r="G77" s="25"/>
      <c r="H77" s="25"/>
      <c r="I77" s="25"/>
      <c r="M77" s="25"/>
      <c r="N77" s="25"/>
    </row>
    <row r="78" spans="3:14" x14ac:dyDescent="0.2">
      <c r="C78" s="25"/>
      <c r="D78" s="25"/>
      <c r="E78" s="25"/>
      <c r="F78" s="25"/>
      <c r="G78" s="25"/>
      <c r="H78" s="25"/>
      <c r="I78" s="25"/>
      <c r="M78" s="25"/>
      <c r="N78" s="25"/>
    </row>
    <row r="79" spans="3:14" x14ac:dyDescent="0.2">
      <c r="C79" s="25"/>
      <c r="D79" s="25"/>
      <c r="E79" s="25"/>
      <c r="F79" s="25"/>
      <c r="G79" s="25"/>
      <c r="H79" s="25"/>
      <c r="I79" s="25"/>
      <c r="M79" s="25"/>
      <c r="N79" s="25"/>
    </row>
    <row r="80" spans="3:14" x14ac:dyDescent="0.2">
      <c r="C80" s="25"/>
      <c r="D80" s="25"/>
      <c r="E80" s="25"/>
      <c r="F80" s="25"/>
      <c r="G80" s="25"/>
      <c r="H80" s="25"/>
      <c r="I80" s="25"/>
      <c r="M80" s="25"/>
      <c r="N80" s="25"/>
    </row>
    <row r="81" spans="3:14" x14ac:dyDescent="0.2">
      <c r="C81" s="25"/>
      <c r="D81" s="25"/>
      <c r="E81" s="25"/>
      <c r="F81" s="25"/>
      <c r="G81" s="25"/>
      <c r="H81" s="25"/>
      <c r="I81" s="25"/>
      <c r="M81" s="25"/>
      <c r="N81" s="25"/>
    </row>
    <row r="82" spans="3:14" x14ac:dyDescent="0.2">
      <c r="C82" s="25"/>
      <c r="D82" s="25"/>
      <c r="E82" s="25"/>
      <c r="F82" s="25"/>
      <c r="G82" s="25"/>
      <c r="H82" s="25"/>
      <c r="I82" s="25"/>
      <c r="M82" s="25"/>
      <c r="N82" s="25"/>
    </row>
    <row r="83" spans="3:14" x14ac:dyDescent="0.2">
      <c r="C83" s="25"/>
      <c r="D83" s="25"/>
      <c r="E83" s="25"/>
      <c r="F83" s="25"/>
      <c r="G83" s="25"/>
      <c r="H83" s="25"/>
      <c r="I83" s="25"/>
      <c r="M83" s="25"/>
      <c r="N83" s="25"/>
    </row>
    <row r="84" spans="3:14" x14ac:dyDescent="0.2">
      <c r="C84" s="25"/>
      <c r="D84" s="25"/>
      <c r="E84" s="25"/>
      <c r="F84" s="25"/>
      <c r="G84" s="25"/>
      <c r="H84" s="25"/>
      <c r="I84" s="25"/>
      <c r="M84" s="25"/>
      <c r="N84" s="25"/>
    </row>
    <row r="85" spans="3:14" x14ac:dyDescent="0.2">
      <c r="C85" s="25"/>
      <c r="D85" s="25"/>
      <c r="E85" s="25"/>
      <c r="F85" s="25"/>
      <c r="G85" s="25"/>
      <c r="H85" s="25"/>
      <c r="I85" s="25"/>
      <c r="M85" s="25"/>
      <c r="N85" s="25"/>
    </row>
    <row r="86" spans="3:14" x14ac:dyDescent="0.2">
      <c r="C86" s="25"/>
      <c r="D86" s="25"/>
      <c r="E86" s="25"/>
      <c r="F86" s="25"/>
      <c r="G86" s="25"/>
      <c r="H86" s="25"/>
      <c r="I86" s="25"/>
      <c r="M86" s="25"/>
      <c r="N86" s="25"/>
    </row>
    <row r="87" spans="3:14" x14ac:dyDescent="0.2">
      <c r="C87" s="25"/>
      <c r="D87" s="25"/>
      <c r="E87" s="25"/>
      <c r="F87" s="25"/>
      <c r="G87" s="25"/>
      <c r="H87" s="25"/>
      <c r="I87" s="25"/>
      <c r="M87" s="25"/>
      <c r="N87" s="25"/>
    </row>
    <row r="88" spans="3:14" x14ac:dyDescent="0.2">
      <c r="C88" s="25"/>
      <c r="D88" s="25"/>
      <c r="E88" s="25"/>
      <c r="F88" s="25"/>
      <c r="G88" s="25"/>
      <c r="H88" s="25"/>
      <c r="I88" s="25"/>
      <c r="M88" s="25"/>
      <c r="N88" s="25"/>
    </row>
    <row r="89" spans="3:14" x14ac:dyDescent="0.2">
      <c r="C89" s="25"/>
      <c r="D89" s="25"/>
      <c r="E89" s="25"/>
      <c r="F89" s="25"/>
      <c r="G89" s="25"/>
      <c r="H89" s="25"/>
      <c r="I89" s="25"/>
      <c r="M89" s="25"/>
      <c r="N89" s="25"/>
    </row>
    <row r="90" spans="3:14" x14ac:dyDescent="0.2">
      <c r="C90" s="25"/>
      <c r="D90" s="25"/>
      <c r="E90" s="25"/>
      <c r="F90" s="25"/>
      <c r="G90" s="25"/>
      <c r="H90" s="25"/>
      <c r="I90" s="25"/>
      <c r="M90" s="25"/>
      <c r="N90" s="25"/>
    </row>
    <row r="91" spans="3:14" x14ac:dyDescent="0.2">
      <c r="C91" s="25"/>
      <c r="D91" s="25"/>
      <c r="E91" s="25"/>
      <c r="F91" s="25"/>
      <c r="G91" s="25"/>
      <c r="H91" s="25"/>
      <c r="I91" s="25"/>
      <c r="M91" s="25"/>
      <c r="N91" s="25"/>
    </row>
    <row r="92" spans="3:14" x14ac:dyDescent="0.2">
      <c r="C92" s="25"/>
      <c r="D92" s="25"/>
      <c r="E92" s="25"/>
      <c r="F92" s="25"/>
      <c r="G92" s="25"/>
      <c r="H92" s="25"/>
      <c r="I92" s="25"/>
      <c r="M92" s="25"/>
      <c r="N92" s="25"/>
    </row>
    <row r="93" spans="3:14" x14ac:dyDescent="0.2">
      <c r="C93" s="25"/>
      <c r="D93" s="25"/>
      <c r="E93" s="25"/>
      <c r="F93" s="25"/>
      <c r="G93" s="25"/>
      <c r="H93" s="25"/>
      <c r="I93" s="25"/>
      <c r="M93" s="25"/>
      <c r="N93" s="25"/>
    </row>
    <row r="94" spans="3:14" x14ac:dyDescent="0.2">
      <c r="C94" s="25"/>
      <c r="D94" s="25"/>
      <c r="E94" s="25"/>
      <c r="F94" s="25"/>
      <c r="G94" s="25"/>
      <c r="H94" s="25"/>
      <c r="I94" s="25"/>
      <c r="M94" s="25"/>
      <c r="N94" s="25"/>
    </row>
    <row r="95" spans="3:14" x14ac:dyDescent="0.2">
      <c r="C95" s="25"/>
      <c r="D95" s="25"/>
      <c r="E95" s="25"/>
      <c r="F95" s="25"/>
      <c r="G95" s="25"/>
      <c r="H95" s="25"/>
      <c r="I95" s="25"/>
      <c r="M95" s="25"/>
      <c r="N95" s="25"/>
    </row>
    <row r="96" spans="3:14" x14ac:dyDescent="0.2">
      <c r="C96" s="25"/>
      <c r="D96" s="25"/>
      <c r="E96" s="25"/>
      <c r="F96" s="25"/>
      <c r="G96" s="25"/>
      <c r="H96" s="25"/>
      <c r="I96" s="25"/>
      <c r="M96" s="25"/>
      <c r="N96" s="25"/>
    </row>
    <row r="97" spans="3:14" x14ac:dyDescent="0.2">
      <c r="C97" s="25"/>
      <c r="D97" s="25"/>
      <c r="E97" s="25"/>
      <c r="F97" s="25"/>
      <c r="G97" s="25"/>
      <c r="H97" s="25"/>
      <c r="I97" s="25"/>
      <c r="M97" s="25"/>
      <c r="N97" s="25"/>
    </row>
    <row r="98" spans="3:14" x14ac:dyDescent="0.2">
      <c r="C98" s="25"/>
      <c r="D98" s="25"/>
      <c r="E98" s="25"/>
      <c r="F98" s="25"/>
      <c r="G98" s="25"/>
      <c r="H98" s="25"/>
      <c r="I98" s="25"/>
      <c r="M98" s="25"/>
      <c r="N98" s="25"/>
    </row>
    <row r="99" spans="3:14" x14ac:dyDescent="0.2">
      <c r="C99" s="25"/>
      <c r="D99" s="25"/>
      <c r="E99" s="25"/>
      <c r="F99" s="25"/>
      <c r="G99" s="25"/>
      <c r="H99" s="25"/>
      <c r="I99" s="25"/>
      <c r="M99" s="25"/>
      <c r="N99" s="25"/>
    </row>
    <row r="100" spans="3:14" x14ac:dyDescent="0.2">
      <c r="C100" s="25"/>
      <c r="D100" s="25"/>
      <c r="E100" s="25"/>
      <c r="F100" s="25"/>
      <c r="G100" s="25"/>
      <c r="H100" s="25"/>
      <c r="I100" s="25"/>
      <c r="M100" s="25"/>
      <c r="N100" s="25"/>
    </row>
    <row r="101" spans="3:14" x14ac:dyDescent="0.2">
      <c r="C101" s="25"/>
      <c r="D101" s="25"/>
      <c r="E101" s="25"/>
      <c r="F101" s="25"/>
      <c r="G101" s="25"/>
      <c r="H101" s="25"/>
      <c r="I101" s="25"/>
      <c r="M101" s="25"/>
      <c r="N101" s="25"/>
    </row>
    <row r="102" spans="3:14" x14ac:dyDescent="0.2">
      <c r="C102" s="25"/>
      <c r="D102" s="25"/>
      <c r="E102" s="25"/>
      <c r="F102" s="25"/>
      <c r="G102" s="25"/>
      <c r="H102" s="25"/>
      <c r="I102" s="25"/>
      <c r="M102" s="25"/>
      <c r="N102" s="25"/>
    </row>
    <row r="103" spans="3:14" x14ac:dyDescent="0.2">
      <c r="C103" s="25"/>
      <c r="D103" s="25"/>
      <c r="E103" s="25"/>
      <c r="F103" s="25"/>
      <c r="G103" s="25"/>
      <c r="H103" s="25"/>
      <c r="I103" s="25"/>
      <c r="M103" s="25"/>
      <c r="N103" s="25"/>
    </row>
    <row r="104" spans="3:14" x14ac:dyDescent="0.2">
      <c r="C104" s="25"/>
      <c r="D104" s="25"/>
      <c r="E104" s="25"/>
      <c r="F104" s="25"/>
      <c r="G104" s="25"/>
      <c r="H104" s="25"/>
      <c r="I104" s="25"/>
      <c r="M104" s="25"/>
      <c r="N104" s="25"/>
    </row>
    <row r="105" spans="3:14" x14ac:dyDescent="0.2">
      <c r="C105" s="25"/>
      <c r="D105" s="25"/>
      <c r="E105" s="25"/>
      <c r="F105" s="25"/>
      <c r="G105" s="25"/>
      <c r="H105" s="25"/>
      <c r="I105" s="25"/>
      <c r="M105" s="25"/>
      <c r="N105" s="25"/>
    </row>
    <row r="106" spans="3:14" x14ac:dyDescent="0.2">
      <c r="C106" s="25"/>
      <c r="D106" s="25"/>
      <c r="E106" s="25"/>
      <c r="F106" s="25"/>
      <c r="G106" s="25"/>
      <c r="H106" s="25"/>
      <c r="I106" s="25"/>
      <c r="M106" s="25"/>
      <c r="N106" s="25"/>
    </row>
    <row r="107" spans="3:14" x14ac:dyDescent="0.2">
      <c r="C107" s="25"/>
      <c r="D107" s="25"/>
      <c r="E107" s="25"/>
      <c r="F107" s="25"/>
      <c r="G107" s="25"/>
      <c r="H107" s="25"/>
      <c r="I107" s="25"/>
      <c r="M107" s="25"/>
      <c r="N107" s="25"/>
    </row>
    <row r="108" spans="3:14" x14ac:dyDescent="0.2">
      <c r="C108" s="25"/>
      <c r="D108" s="25"/>
      <c r="E108" s="25"/>
      <c r="F108" s="25"/>
      <c r="G108" s="25"/>
      <c r="H108" s="25"/>
      <c r="I108" s="25"/>
      <c r="M108" s="25"/>
      <c r="N108" s="25"/>
    </row>
    <row r="109" spans="3:14" x14ac:dyDescent="0.2">
      <c r="C109" s="25"/>
      <c r="D109" s="25"/>
      <c r="E109" s="25"/>
      <c r="F109" s="25"/>
      <c r="G109" s="25"/>
      <c r="H109" s="25"/>
      <c r="I109" s="25"/>
      <c r="M109" s="25"/>
      <c r="N109" s="25"/>
    </row>
    <row r="110" spans="3:14" x14ac:dyDescent="0.2">
      <c r="C110" s="25"/>
      <c r="D110" s="25"/>
      <c r="E110" s="25"/>
      <c r="F110" s="25"/>
      <c r="G110" s="25"/>
      <c r="H110" s="25"/>
      <c r="I110" s="25"/>
      <c r="M110" s="25"/>
      <c r="N110" s="25"/>
    </row>
    <row r="111" spans="3:14" x14ac:dyDescent="0.2">
      <c r="C111" s="25"/>
      <c r="D111" s="25"/>
      <c r="E111" s="25"/>
      <c r="F111" s="25"/>
      <c r="G111" s="25"/>
      <c r="H111" s="25"/>
      <c r="I111" s="25"/>
      <c r="M111" s="25"/>
      <c r="N111" s="25"/>
    </row>
    <row r="112" spans="3:14" x14ac:dyDescent="0.2">
      <c r="C112" s="25"/>
      <c r="D112" s="25"/>
      <c r="E112" s="25"/>
      <c r="F112" s="25"/>
      <c r="G112" s="25"/>
      <c r="H112" s="25"/>
      <c r="I112" s="25"/>
      <c r="M112" s="25"/>
      <c r="N112" s="25"/>
    </row>
    <row r="113" spans="3:14" x14ac:dyDescent="0.2">
      <c r="C113" s="25"/>
      <c r="D113" s="25"/>
      <c r="E113" s="25"/>
      <c r="F113" s="25"/>
      <c r="G113" s="25"/>
      <c r="H113" s="25"/>
      <c r="I113" s="25"/>
      <c r="M113" s="25"/>
      <c r="N113" s="25"/>
    </row>
    <row r="114" spans="3:14" x14ac:dyDescent="0.2">
      <c r="C114" s="25"/>
      <c r="D114" s="25"/>
      <c r="E114" s="25"/>
      <c r="F114" s="25"/>
      <c r="G114" s="25"/>
      <c r="H114" s="25"/>
      <c r="I114" s="25"/>
      <c r="M114" s="25"/>
      <c r="N114" s="25"/>
    </row>
    <row r="115" spans="3:14" x14ac:dyDescent="0.2">
      <c r="C115" s="25"/>
      <c r="D115" s="25"/>
      <c r="E115" s="25"/>
      <c r="F115" s="25"/>
      <c r="G115" s="25"/>
      <c r="H115" s="25"/>
      <c r="I115" s="25"/>
      <c r="M115" s="25"/>
      <c r="N115" s="25"/>
    </row>
    <row r="116" spans="3:14" x14ac:dyDescent="0.2">
      <c r="C116" s="25"/>
      <c r="D116" s="25"/>
      <c r="E116" s="25"/>
      <c r="F116" s="25"/>
      <c r="G116" s="25"/>
      <c r="H116" s="25"/>
      <c r="I116" s="25"/>
      <c r="M116" s="25"/>
      <c r="N116" s="25"/>
    </row>
    <row r="117" spans="3:14" x14ac:dyDescent="0.2">
      <c r="C117" s="25"/>
      <c r="D117" s="25"/>
      <c r="E117" s="25"/>
      <c r="F117" s="25"/>
      <c r="G117" s="25"/>
      <c r="H117" s="25"/>
      <c r="I117" s="25"/>
      <c r="M117" s="25"/>
      <c r="N117" s="25"/>
    </row>
    <row r="118" spans="3:14" x14ac:dyDescent="0.2">
      <c r="C118" s="25"/>
      <c r="D118" s="25"/>
      <c r="E118" s="25"/>
      <c r="F118" s="25"/>
      <c r="G118" s="25"/>
      <c r="H118" s="25"/>
      <c r="I118" s="25"/>
      <c r="M118" s="25"/>
      <c r="N118" s="25"/>
    </row>
    <row r="119" spans="3:14" x14ac:dyDescent="0.2">
      <c r="C119" s="25"/>
      <c r="D119" s="25"/>
      <c r="E119" s="25"/>
      <c r="F119" s="25"/>
      <c r="G119" s="25"/>
      <c r="H119" s="25"/>
      <c r="I119" s="25"/>
      <c r="M119" s="25"/>
      <c r="N119" s="25"/>
    </row>
    <row r="120" spans="3:14" x14ac:dyDescent="0.2">
      <c r="C120" s="25"/>
      <c r="D120" s="25"/>
      <c r="E120" s="25"/>
      <c r="F120" s="25"/>
      <c r="G120" s="25"/>
      <c r="H120" s="25"/>
      <c r="I120" s="25"/>
      <c r="M120" s="25"/>
      <c r="N120" s="25"/>
    </row>
    <row r="121" spans="3:14" x14ac:dyDescent="0.2">
      <c r="C121" s="25"/>
      <c r="D121" s="25"/>
      <c r="E121" s="25"/>
      <c r="F121" s="25"/>
      <c r="G121" s="25"/>
      <c r="H121" s="25"/>
      <c r="I121" s="25"/>
      <c r="M121" s="25"/>
      <c r="N121" s="25"/>
    </row>
    <row r="122" spans="3:14" x14ac:dyDescent="0.2">
      <c r="C122" s="25"/>
      <c r="D122" s="25"/>
      <c r="E122" s="25"/>
      <c r="F122" s="25"/>
      <c r="G122" s="25"/>
      <c r="H122" s="25"/>
      <c r="I122" s="25"/>
      <c r="M122" s="25"/>
      <c r="N122" s="25"/>
    </row>
  </sheetData>
  <autoFilter ref="B6:L6" xr:uid="{B50DFCEA-9056-4364-B33B-7841E8D195B9}"/>
  <mergeCells count="5">
    <mergeCell ref="B11:N11"/>
    <mergeCell ref="B7:N7"/>
    <mergeCell ref="B9:N9"/>
    <mergeCell ref="C1:N5"/>
    <mergeCell ref="B1:B5"/>
  </mergeCells>
  <dataValidations count="1">
    <dataValidation type="list" allowBlank="1" showInputMessage="1" showErrorMessage="1" sqref="G12:G26 G8 G10" xr:uid="{36E23DDE-7016-464B-805A-9417544AA52A}">
      <formula1>"Social, Environment"</formula1>
    </dataValidation>
  </dataValidations>
  <hyperlinks>
    <hyperlink ref="N12" r:id="rId1" display="https://www.moec.gov.ae/documents/20121/296716/MOE_Due+Diligince+Regulations+V9_EN.pdf" xr:uid="{1AFA9197-08CF-43BD-9096-8FBEE03C17ED}"/>
    <hyperlink ref="N8" r:id="rId2" xr:uid="{BD828C27-239B-45ED-97F5-5A4029A84A4F}"/>
    <hyperlink ref="N10" r:id="rId3" display="https://qfcra-en.thomsonreuters.com/rulebook/qfcra-rm2025-1-corporate-sustainability-reporting-and-minor-and-technical-amendments-rules" xr:uid="{DFAE3D1D-2AC4-440C-9F9B-78A50E5A23B9}"/>
  </hyperlinks>
  <pageMargins left="0.7" right="0.7" top="0.75" bottom="0.75" header="0.3" footer="0.3"/>
  <pageSetup scale="52" fitToHeight="0" orientation="landscape" r:id="rId4"/>
  <drawing r:id="rId5"/>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1331198-15C8-49A3-A285-C6E4EB680F9F}">
  <sheetPr>
    <pageSetUpPr fitToPage="1"/>
  </sheetPr>
  <dimension ref="A1:N124"/>
  <sheetViews>
    <sheetView showGridLines="0" topLeftCell="B1" zoomScale="70" zoomScaleNormal="70" workbookViewId="0">
      <pane ySplit="6" topLeftCell="A7" activePane="bottomLeft" state="frozen"/>
      <selection pane="bottomLeft" activeCell="C8" sqref="C8"/>
    </sheetView>
  </sheetViews>
  <sheetFormatPr defaultColWidth="8.875" defaultRowHeight="15" x14ac:dyDescent="0.2"/>
  <cols>
    <col min="1" max="1" width="8.875" style="176" hidden="1" customWidth="1"/>
    <col min="2" max="2" width="41.875" style="22" customWidth="1"/>
    <col min="3" max="3" width="29" style="178" customWidth="1"/>
    <col min="4" max="5" width="15.5" style="65" customWidth="1"/>
    <col min="6" max="7" width="13.125" style="65" customWidth="1"/>
    <col min="8" max="8" width="16" style="65" customWidth="1"/>
    <col min="9" max="9" width="18.5" style="65" customWidth="1"/>
    <col min="10" max="10" width="56.5" style="43" customWidth="1"/>
    <col min="11" max="11" width="20.5" style="43" customWidth="1"/>
    <col min="12" max="12" width="41" style="43" customWidth="1"/>
    <col min="13" max="13" width="17.375" style="66" customWidth="1"/>
    <col min="14" max="14" width="33.5" style="65" customWidth="1"/>
    <col min="15" max="16384" width="8.875" style="176"/>
  </cols>
  <sheetData>
    <row r="1" spans="1:14" x14ac:dyDescent="0.2">
      <c r="C1" s="278" t="s">
        <v>513</v>
      </c>
      <c r="D1" s="278"/>
      <c r="E1" s="278"/>
      <c r="F1" s="278"/>
      <c r="G1" s="278"/>
      <c r="H1" s="278"/>
      <c r="I1" s="278"/>
      <c r="J1" s="278"/>
      <c r="K1" s="278"/>
      <c r="L1" s="278"/>
      <c r="M1" s="278"/>
      <c r="N1" s="278"/>
    </row>
    <row r="2" spans="1:14" s="180" customFormat="1" ht="30" customHeight="1" x14ac:dyDescent="0.25">
      <c r="B2" s="67"/>
      <c r="C2" s="278"/>
      <c r="D2" s="278"/>
      <c r="E2" s="278"/>
      <c r="F2" s="278"/>
      <c r="G2" s="278"/>
      <c r="H2" s="278"/>
      <c r="I2" s="278"/>
      <c r="J2" s="278"/>
      <c r="K2" s="278"/>
      <c r="L2" s="278"/>
      <c r="M2" s="278"/>
      <c r="N2" s="278"/>
    </row>
    <row r="3" spans="1:14" ht="7.5" customHeight="1" x14ac:dyDescent="0.2">
      <c r="C3" s="278"/>
      <c r="D3" s="278"/>
      <c r="E3" s="278"/>
      <c r="F3" s="278"/>
      <c r="G3" s="278"/>
      <c r="H3" s="278"/>
      <c r="I3" s="278"/>
      <c r="J3" s="278"/>
      <c r="K3" s="278"/>
      <c r="L3" s="278"/>
      <c r="M3" s="278"/>
      <c r="N3" s="278"/>
    </row>
    <row r="4" spans="1:14" x14ac:dyDescent="0.2">
      <c r="C4" s="278"/>
      <c r="D4" s="278"/>
      <c r="E4" s="278"/>
      <c r="F4" s="278"/>
      <c r="G4" s="278"/>
      <c r="H4" s="278"/>
      <c r="I4" s="278"/>
      <c r="J4" s="278"/>
      <c r="K4" s="278"/>
      <c r="L4" s="278"/>
      <c r="M4" s="278"/>
      <c r="N4" s="278"/>
    </row>
    <row r="5" spans="1:14" ht="20.100000000000001" customHeight="1" x14ac:dyDescent="0.2">
      <c r="C5" s="278"/>
      <c r="D5" s="278"/>
      <c r="E5" s="278"/>
      <c r="F5" s="278"/>
      <c r="G5" s="278"/>
      <c r="H5" s="278"/>
      <c r="I5" s="278"/>
      <c r="J5" s="278"/>
      <c r="K5" s="278"/>
      <c r="L5" s="278"/>
      <c r="M5" s="278"/>
      <c r="N5" s="278"/>
    </row>
    <row r="6" spans="1:14" s="180" customFormat="1" ht="60" customHeight="1" x14ac:dyDescent="0.25">
      <c r="B6" s="94" t="s">
        <v>7</v>
      </c>
      <c r="C6" s="95" t="s">
        <v>8</v>
      </c>
      <c r="D6" s="95" t="s">
        <v>59</v>
      </c>
      <c r="E6" s="95" t="s">
        <v>1</v>
      </c>
      <c r="F6" s="95" t="s">
        <v>6</v>
      </c>
      <c r="G6" s="95" t="s">
        <v>9</v>
      </c>
      <c r="H6" s="95" t="s">
        <v>12</v>
      </c>
      <c r="I6" s="95" t="s">
        <v>57</v>
      </c>
      <c r="J6" s="95" t="s">
        <v>5</v>
      </c>
      <c r="K6" s="95" t="s">
        <v>15</v>
      </c>
      <c r="L6" s="95" t="s">
        <v>16</v>
      </c>
      <c r="M6" s="95" t="s">
        <v>79</v>
      </c>
      <c r="N6" s="96" t="s">
        <v>10</v>
      </c>
    </row>
    <row r="7" spans="1:14" ht="21.75" customHeight="1" x14ac:dyDescent="0.2">
      <c r="B7" s="290" t="s">
        <v>40</v>
      </c>
      <c r="C7" s="291"/>
      <c r="D7" s="291"/>
      <c r="E7" s="291"/>
      <c r="F7" s="291"/>
      <c r="G7" s="291"/>
      <c r="H7" s="291"/>
      <c r="I7" s="291"/>
      <c r="J7" s="291"/>
      <c r="K7" s="291"/>
      <c r="L7" s="291"/>
      <c r="M7" s="291"/>
      <c r="N7" s="292"/>
    </row>
    <row r="8" spans="1:14" ht="225" customHeight="1" x14ac:dyDescent="0.2">
      <c r="B8" s="97" t="s">
        <v>40</v>
      </c>
      <c r="C8" s="29" t="s">
        <v>548</v>
      </c>
      <c r="D8" s="45">
        <v>45292</v>
      </c>
      <c r="E8" s="35" t="s">
        <v>11</v>
      </c>
      <c r="F8" s="45" t="s">
        <v>31</v>
      </c>
      <c r="G8" s="35" t="s">
        <v>37</v>
      </c>
      <c r="H8" s="35" t="s">
        <v>93</v>
      </c>
      <c r="I8" s="35" t="s">
        <v>156</v>
      </c>
      <c r="J8" s="36" t="s">
        <v>504</v>
      </c>
      <c r="K8" s="36" t="s">
        <v>38</v>
      </c>
      <c r="L8" s="55" t="s">
        <v>505</v>
      </c>
      <c r="M8" s="36" t="s">
        <v>473</v>
      </c>
      <c r="N8" s="189" t="s">
        <v>41</v>
      </c>
    </row>
    <row r="9" spans="1:14" ht="225" customHeight="1" x14ac:dyDescent="0.2">
      <c r="B9" s="193" t="s">
        <v>40</v>
      </c>
      <c r="C9" s="29" t="s">
        <v>319</v>
      </c>
      <c r="D9" s="29" t="s">
        <v>60</v>
      </c>
      <c r="E9" s="29" t="s">
        <v>28</v>
      </c>
      <c r="F9" s="29" t="s">
        <v>31</v>
      </c>
      <c r="G9" s="29" t="s">
        <v>13</v>
      </c>
      <c r="H9" s="35" t="s">
        <v>93</v>
      </c>
      <c r="I9" s="29" t="s">
        <v>116</v>
      </c>
      <c r="J9" s="177" t="s">
        <v>474</v>
      </c>
      <c r="K9" s="31" t="s">
        <v>320</v>
      </c>
      <c r="L9" s="31" t="s">
        <v>475</v>
      </c>
      <c r="M9" s="29" t="s">
        <v>320</v>
      </c>
      <c r="N9" s="243" t="s">
        <v>321</v>
      </c>
    </row>
    <row r="10" spans="1:14" ht="23.25" customHeight="1" x14ac:dyDescent="0.2">
      <c r="B10" s="265" t="s">
        <v>68</v>
      </c>
      <c r="C10" s="266"/>
      <c r="D10" s="266"/>
      <c r="E10" s="266"/>
      <c r="F10" s="266"/>
      <c r="G10" s="266"/>
      <c r="H10" s="266"/>
      <c r="I10" s="266"/>
      <c r="J10" s="266"/>
      <c r="K10" s="266"/>
      <c r="L10" s="266"/>
      <c r="M10" s="266"/>
      <c r="N10" s="267"/>
    </row>
    <row r="11" spans="1:14" ht="165.75" customHeight="1" x14ac:dyDescent="0.2">
      <c r="B11" s="194" t="s">
        <v>35</v>
      </c>
      <c r="C11" s="56" t="s">
        <v>215</v>
      </c>
      <c r="D11" s="57">
        <v>40422</v>
      </c>
      <c r="E11" s="58" t="s">
        <v>11</v>
      </c>
      <c r="F11" s="58" t="s">
        <v>31</v>
      </c>
      <c r="G11" s="58" t="s">
        <v>37</v>
      </c>
      <c r="H11" s="58" t="s">
        <v>99</v>
      </c>
      <c r="I11" s="35" t="s">
        <v>156</v>
      </c>
      <c r="J11" s="181" t="s">
        <v>476</v>
      </c>
      <c r="K11" s="182" t="s">
        <v>38</v>
      </c>
      <c r="L11" s="181" t="s">
        <v>477</v>
      </c>
      <c r="M11" s="116" t="s">
        <v>72</v>
      </c>
      <c r="N11" s="191" t="s">
        <v>39</v>
      </c>
    </row>
    <row r="12" spans="1:14" ht="195.75" customHeight="1" x14ac:dyDescent="0.2">
      <c r="B12" s="97" t="s">
        <v>197</v>
      </c>
      <c r="C12" s="29" t="s">
        <v>292</v>
      </c>
      <c r="D12" s="45">
        <v>45474</v>
      </c>
      <c r="E12" s="35" t="s">
        <v>11</v>
      </c>
      <c r="F12" s="35" t="s">
        <v>31</v>
      </c>
      <c r="G12" s="35" t="s">
        <v>13</v>
      </c>
      <c r="H12" s="35" t="s">
        <v>99</v>
      </c>
      <c r="I12" s="35" t="s">
        <v>116</v>
      </c>
      <c r="J12" s="36" t="s">
        <v>478</v>
      </c>
      <c r="K12" s="36" t="s">
        <v>30</v>
      </c>
      <c r="L12" s="36" t="s">
        <v>293</v>
      </c>
      <c r="M12" s="36" t="s">
        <v>60</v>
      </c>
      <c r="N12" s="104" t="s">
        <v>198</v>
      </c>
    </row>
    <row r="13" spans="1:14" ht="195.75" customHeight="1" x14ac:dyDescent="0.2">
      <c r="B13" s="114" t="s">
        <v>68</v>
      </c>
      <c r="C13" s="29" t="s">
        <v>298</v>
      </c>
      <c r="D13" s="29" t="s">
        <v>60</v>
      </c>
      <c r="E13" s="29" t="s">
        <v>28</v>
      </c>
      <c r="F13" s="29" t="s">
        <v>31</v>
      </c>
      <c r="G13" s="35" t="s">
        <v>151</v>
      </c>
      <c r="H13" s="35" t="s">
        <v>297</v>
      </c>
      <c r="I13" s="35" t="s">
        <v>116</v>
      </c>
      <c r="J13" s="36" t="s">
        <v>547</v>
      </c>
      <c r="K13" s="43" t="s">
        <v>299</v>
      </c>
      <c r="L13" s="43" t="s">
        <v>479</v>
      </c>
      <c r="M13" s="43" t="s">
        <v>60</v>
      </c>
      <c r="N13" s="192" t="s">
        <v>300</v>
      </c>
    </row>
    <row r="14" spans="1:14" ht="324" customHeight="1" x14ac:dyDescent="0.2">
      <c r="A14" s="176" t="s">
        <v>294</v>
      </c>
      <c r="B14" s="195" t="s">
        <v>68</v>
      </c>
      <c r="C14" s="183" t="s">
        <v>216</v>
      </c>
      <c r="D14" s="184">
        <v>40360</v>
      </c>
      <c r="E14" s="185" t="s">
        <v>33</v>
      </c>
      <c r="F14" s="185" t="s">
        <v>31</v>
      </c>
      <c r="G14" s="185" t="s">
        <v>37</v>
      </c>
      <c r="H14" s="185" t="s">
        <v>69</v>
      </c>
      <c r="I14" s="35" t="s">
        <v>156</v>
      </c>
      <c r="J14" s="48" t="s">
        <v>480</v>
      </c>
      <c r="K14" s="186" t="s">
        <v>38</v>
      </c>
      <c r="L14" s="186" t="s">
        <v>481</v>
      </c>
      <c r="M14" s="186" t="s">
        <v>179</v>
      </c>
      <c r="N14" s="192" t="s">
        <v>70</v>
      </c>
    </row>
    <row r="15" spans="1:14" ht="400.5" customHeight="1" x14ac:dyDescent="0.2">
      <c r="B15" s="196" t="s">
        <v>68</v>
      </c>
      <c r="C15" s="187" t="s">
        <v>217</v>
      </c>
      <c r="D15" s="188">
        <v>44531</v>
      </c>
      <c r="E15" s="47" t="s">
        <v>33</v>
      </c>
      <c r="F15" s="47" t="s">
        <v>31</v>
      </c>
      <c r="G15" s="47" t="s">
        <v>13</v>
      </c>
      <c r="H15" s="47" t="s">
        <v>93</v>
      </c>
      <c r="I15" s="35" t="s">
        <v>156</v>
      </c>
      <c r="J15" s="48" t="s">
        <v>482</v>
      </c>
      <c r="K15" s="50" t="s">
        <v>295</v>
      </c>
      <c r="L15" s="50" t="s">
        <v>483</v>
      </c>
      <c r="M15" s="50" t="s">
        <v>72</v>
      </c>
      <c r="N15" s="192" t="s">
        <v>286</v>
      </c>
    </row>
    <row r="16" spans="1:14" ht="238.5" customHeight="1" x14ac:dyDescent="0.2">
      <c r="B16" s="196" t="s">
        <v>68</v>
      </c>
      <c r="C16" s="47" t="s">
        <v>530</v>
      </c>
      <c r="D16" s="47" t="s">
        <v>60</v>
      </c>
      <c r="E16" s="47" t="s">
        <v>28</v>
      </c>
      <c r="F16" s="47" t="s">
        <v>31</v>
      </c>
      <c r="G16" s="47" t="s">
        <v>13</v>
      </c>
      <c r="H16" s="47" t="s">
        <v>36</v>
      </c>
      <c r="I16" s="35" t="s">
        <v>156</v>
      </c>
      <c r="J16" s="50" t="s">
        <v>546</v>
      </c>
      <c r="K16" s="50" t="s">
        <v>218</v>
      </c>
      <c r="L16" s="50" t="s">
        <v>484</v>
      </c>
      <c r="M16" s="50" t="s">
        <v>72</v>
      </c>
      <c r="N16" s="242" t="s">
        <v>529</v>
      </c>
    </row>
    <row r="17" spans="2:14" ht="214.5" customHeight="1" x14ac:dyDescent="0.2">
      <c r="B17" s="214" t="s">
        <v>68</v>
      </c>
      <c r="C17" s="215" t="s">
        <v>296</v>
      </c>
      <c r="D17" s="216" t="s">
        <v>60</v>
      </c>
      <c r="E17" s="216" t="s">
        <v>45</v>
      </c>
      <c r="F17" s="216" t="s">
        <v>31</v>
      </c>
      <c r="G17" s="216" t="s">
        <v>13</v>
      </c>
      <c r="H17" s="216" t="s">
        <v>93</v>
      </c>
      <c r="I17" s="216" t="s">
        <v>67</v>
      </c>
      <c r="J17" s="48" t="s">
        <v>485</v>
      </c>
      <c r="K17" s="181" t="s">
        <v>486</v>
      </c>
      <c r="L17" s="181" t="s">
        <v>487</v>
      </c>
      <c r="M17" s="181" t="s">
        <v>72</v>
      </c>
      <c r="N17" s="217" t="s">
        <v>73</v>
      </c>
    </row>
    <row r="18" spans="2:14" x14ac:dyDescent="0.2">
      <c r="B18" s="219"/>
      <c r="C18" s="220"/>
      <c r="D18" s="221"/>
      <c r="E18" s="221"/>
      <c r="F18" s="221"/>
      <c r="G18" s="221"/>
      <c r="H18" s="221"/>
      <c r="I18" s="221"/>
      <c r="J18" s="222"/>
      <c r="K18" s="222"/>
      <c r="L18" s="222"/>
      <c r="M18" s="222"/>
      <c r="N18" s="221"/>
    </row>
    <row r="19" spans="2:14" x14ac:dyDescent="0.2">
      <c r="B19" s="218"/>
      <c r="C19" s="25"/>
      <c r="D19" s="61"/>
      <c r="E19" s="61"/>
      <c r="F19" s="61"/>
      <c r="G19" s="61"/>
      <c r="H19" s="61"/>
      <c r="I19" s="61"/>
      <c r="J19" s="48"/>
      <c r="K19" s="48"/>
      <c r="L19" s="48"/>
      <c r="M19" s="48"/>
      <c r="N19" s="61"/>
    </row>
    <row r="20" spans="2:14" x14ac:dyDescent="0.2">
      <c r="C20" s="25"/>
      <c r="D20" s="25"/>
      <c r="E20" s="25"/>
      <c r="F20" s="25"/>
      <c r="G20" s="25"/>
      <c r="H20" s="25"/>
      <c r="I20" s="25"/>
      <c r="M20" s="43"/>
      <c r="N20" s="25"/>
    </row>
    <row r="21" spans="2:14" x14ac:dyDescent="0.2">
      <c r="C21" s="25"/>
      <c r="D21" s="25"/>
      <c r="E21" s="25"/>
      <c r="F21" s="25"/>
      <c r="G21" s="25"/>
      <c r="H21" s="25"/>
      <c r="I21" s="25"/>
      <c r="M21" s="43"/>
      <c r="N21" s="25"/>
    </row>
    <row r="22" spans="2:14" x14ac:dyDescent="0.2">
      <c r="C22" s="25"/>
      <c r="D22" s="25"/>
      <c r="E22" s="25"/>
      <c r="F22" s="25"/>
      <c r="G22" s="25"/>
      <c r="H22" s="25"/>
      <c r="I22" s="25"/>
      <c r="M22" s="43"/>
      <c r="N22" s="25"/>
    </row>
    <row r="23" spans="2:14" x14ac:dyDescent="0.2">
      <c r="C23" s="25"/>
      <c r="D23" s="25"/>
      <c r="E23" s="25"/>
      <c r="F23" s="25"/>
      <c r="G23" s="25"/>
      <c r="H23" s="25"/>
      <c r="I23" s="25"/>
      <c r="M23" s="43"/>
      <c r="N23" s="25"/>
    </row>
    <row r="24" spans="2:14" x14ac:dyDescent="0.2">
      <c r="C24" s="25"/>
      <c r="D24" s="25"/>
      <c r="E24" s="25"/>
      <c r="F24" s="25"/>
      <c r="G24" s="25"/>
      <c r="H24" s="25"/>
      <c r="I24" s="25"/>
      <c r="M24" s="43"/>
      <c r="N24" s="25"/>
    </row>
    <row r="25" spans="2:14" x14ac:dyDescent="0.2">
      <c r="C25" s="25"/>
      <c r="D25" s="25"/>
      <c r="E25" s="25"/>
      <c r="F25" s="25"/>
      <c r="G25" s="25"/>
      <c r="H25" s="25"/>
      <c r="I25" s="25"/>
      <c r="M25" s="43"/>
      <c r="N25" s="25"/>
    </row>
    <row r="26" spans="2:14" x14ac:dyDescent="0.2">
      <c r="C26" s="25"/>
      <c r="D26" s="25"/>
      <c r="E26" s="25"/>
      <c r="F26" s="25"/>
      <c r="G26" s="25"/>
      <c r="H26" s="25"/>
      <c r="I26" s="25"/>
      <c r="M26" s="43"/>
      <c r="N26" s="25"/>
    </row>
    <row r="27" spans="2:14" x14ac:dyDescent="0.2">
      <c r="C27" s="25"/>
      <c r="D27" s="25"/>
      <c r="E27" s="25"/>
      <c r="F27" s="25"/>
      <c r="G27" s="25"/>
      <c r="H27" s="25"/>
      <c r="I27" s="25"/>
      <c r="M27" s="43"/>
      <c r="N27" s="25"/>
    </row>
    <row r="28" spans="2:14" x14ac:dyDescent="0.2">
      <c r="C28" s="25"/>
      <c r="D28" s="25"/>
      <c r="E28" s="25"/>
      <c r="F28" s="25"/>
      <c r="G28" s="25"/>
      <c r="H28" s="25"/>
      <c r="I28" s="25"/>
      <c r="M28" s="43"/>
      <c r="N28" s="25"/>
    </row>
    <row r="29" spans="2:14" x14ac:dyDescent="0.2">
      <c r="C29" s="25"/>
      <c r="D29" s="25"/>
      <c r="E29" s="25"/>
      <c r="F29" s="25"/>
      <c r="G29" s="25"/>
      <c r="H29" s="25"/>
      <c r="I29" s="25"/>
      <c r="M29" s="43"/>
      <c r="N29" s="25"/>
    </row>
    <row r="30" spans="2:14" x14ac:dyDescent="0.2">
      <c r="C30" s="25"/>
      <c r="D30" s="25"/>
      <c r="E30" s="25"/>
      <c r="F30" s="25"/>
      <c r="G30" s="25"/>
      <c r="H30" s="25"/>
      <c r="I30" s="25"/>
      <c r="M30" s="43"/>
      <c r="N30" s="25"/>
    </row>
    <row r="31" spans="2:14" x14ac:dyDescent="0.2">
      <c r="C31" s="25"/>
      <c r="D31" s="25"/>
      <c r="E31" s="25"/>
      <c r="F31" s="25"/>
      <c r="G31" s="25"/>
      <c r="H31" s="25"/>
      <c r="I31" s="25"/>
      <c r="M31" s="43"/>
      <c r="N31" s="25"/>
    </row>
    <row r="32" spans="2:14" x14ac:dyDescent="0.2">
      <c r="C32" s="25"/>
      <c r="D32" s="25"/>
      <c r="E32" s="25"/>
      <c r="F32" s="25"/>
      <c r="G32" s="25"/>
      <c r="H32" s="25"/>
      <c r="I32" s="25"/>
      <c r="M32" s="43"/>
      <c r="N32" s="25"/>
    </row>
    <row r="33" spans="3:14" x14ac:dyDescent="0.2">
      <c r="C33" s="25"/>
      <c r="D33" s="25"/>
      <c r="E33" s="25"/>
      <c r="F33" s="25"/>
      <c r="G33" s="25"/>
      <c r="H33" s="25"/>
      <c r="I33" s="25"/>
      <c r="M33" s="43"/>
      <c r="N33" s="25"/>
    </row>
    <row r="34" spans="3:14" x14ac:dyDescent="0.2">
      <c r="C34" s="25"/>
      <c r="D34" s="25"/>
      <c r="E34" s="25"/>
      <c r="F34" s="25"/>
      <c r="G34" s="25"/>
      <c r="H34" s="25"/>
      <c r="I34" s="25"/>
      <c r="M34" s="43"/>
      <c r="N34" s="25"/>
    </row>
    <row r="35" spans="3:14" x14ac:dyDescent="0.2">
      <c r="C35" s="25"/>
      <c r="D35" s="25"/>
      <c r="E35" s="25"/>
      <c r="F35" s="25"/>
      <c r="G35" s="25"/>
      <c r="H35" s="25"/>
      <c r="I35" s="25"/>
      <c r="M35" s="43"/>
      <c r="N35" s="25"/>
    </row>
    <row r="36" spans="3:14" x14ac:dyDescent="0.2">
      <c r="C36" s="25"/>
      <c r="D36" s="25"/>
      <c r="E36" s="25"/>
      <c r="F36" s="25"/>
      <c r="G36" s="25"/>
      <c r="H36" s="25"/>
      <c r="I36" s="25"/>
      <c r="M36" s="43"/>
      <c r="N36" s="25"/>
    </row>
    <row r="37" spans="3:14" x14ac:dyDescent="0.2">
      <c r="C37" s="25"/>
      <c r="D37" s="25"/>
      <c r="E37" s="25"/>
      <c r="F37" s="25"/>
      <c r="G37" s="25"/>
      <c r="H37" s="25"/>
      <c r="I37" s="25"/>
      <c r="M37" s="43"/>
      <c r="N37" s="25"/>
    </row>
    <row r="38" spans="3:14" x14ac:dyDescent="0.2">
      <c r="C38" s="25"/>
      <c r="D38" s="25"/>
      <c r="E38" s="25"/>
      <c r="F38" s="25"/>
      <c r="G38" s="25"/>
      <c r="H38" s="25"/>
      <c r="I38" s="25"/>
      <c r="M38" s="43"/>
      <c r="N38" s="25"/>
    </row>
    <row r="39" spans="3:14" x14ac:dyDescent="0.2">
      <c r="C39" s="25"/>
      <c r="D39" s="25"/>
      <c r="E39" s="25"/>
      <c r="F39" s="25"/>
      <c r="G39" s="25"/>
      <c r="H39" s="25"/>
      <c r="I39" s="25"/>
      <c r="M39" s="43"/>
      <c r="N39" s="25"/>
    </row>
    <row r="40" spans="3:14" x14ac:dyDescent="0.2">
      <c r="C40" s="25"/>
      <c r="D40" s="25"/>
      <c r="E40" s="25"/>
      <c r="F40" s="25"/>
      <c r="G40" s="25"/>
      <c r="H40" s="25"/>
      <c r="I40" s="25"/>
      <c r="M40" s="43"/>
      <c r="N40" s="25"/>
    </row>
    <row r="41" spans="3:14" x14ac:dyDescent="0.2">
      <c r="C41" s="25"/>
      <c r="D41" s="25"/>
      <c r="E41" s="25"/>
      <c r="F41" s="25"/>
      <c r="G41" s="25"/>
      <c r="H41" s="25"/>
      <c r="I41" s="25"/>
      <c r="M41" s="43"/>
      <c r="N41" s="25"/>
    </row>
    <row r="42" spans="3:14" x14ac:dyDescent="0.2">
      <c r="C42" s="25"/>
      <c r="D42" s="25"/>
      <c r="E42" s="25"/>
      <c r="F42" s="25"/>
      <c r="G42" s="25"/>
      <c r="H42" s="25"/>
      <c r="I42" s="25"/>
      <c r="M42" s="43"/>
      <c r="N42" s="25"/>
    </row>
    <row r="43" spans="3:14" x14ac:dyDescent="0.2">
      <c r="C43" s="25"/>
      <c r="D43" s="25"/>
      <c r="E43" s="25"/>
      <c r="F43" s="25"/>
      <c r="G43" s="25"/>
      <c r="H43" s="25"/>
      <c r="I43" s="25"/>
      <c r="M43" s="43"/>
      <c r="N43" s="25"/>
    </row>
    <row r="44" spans="3:14" x14ac:dyDescent="0.2">
      <c r="C44" s="25"/>
      <c r="D44" s="25"/>
      <c r="E44" s="25"/>
      <c r="F44" s="25"/>
      <c r="G44" s="25"/>
      <c r="H44" s="25"/>
      <c r="I44" s="25"/>
      <c r="M44" s="43"/>
      <c r="N44" s="25"/>
    </row>
    <row r="45" spans="3:14" x14ac:dyDescent="0.2">
      <c r="C45" s="25"/>
      <c r="D45" s="25"/>
      <c r="E45" s="25"/>
      <c r="F45" s="25"/>
      <c r="G45" s="25"/>
      <c r="H45" s="25"/>
      <c r="I45" s="25"/>
      <c r="M45" s="43"/>
      <c r="N45" s="25"/>
    </row>
    <row r="46" spans="3:14" x14ac:dyDescent="0.2">
      <c r="C46" s="25"/>
      <c r="D46" s="25"/>
      <c r="E46" s="25"/>
      <c r="F46" s="25"/>
      <c r="G46" s="25"/>
      <c r="H46" s="25"/>
      <c r="I46" s="25"/>
      <c r="M46" s="43"/>
      <c r="N46" s="25"/>
    </row>
    <row r="47" spans="3:14" x14ac:dyDescent="0.2">
      <c r="C47" s="25"/>
      <c r="D47" s="25"/>
      <c r="E47" s="25"/>
      <c r="F47" s="25"/>
      <c r="G47" s="25"/>
      <c r="H47" s="25"/>
      <c r="I47" s="25"/>
      <c r="M47" s="43"/>
      <c r="N47" s="25"/>
    </row>
    <row r="48" spans="3:14" x14ac:dyDescent="0.2">
      <c r="C48" s="25"/>
      <c r="D48" s="25"/>
      <c r="E48" s="25"/>
      <c r="F48" s="25"/>
      <c r="G48" s="25"/>
      <c r="H48" s="25"/>
      <c r="I48" s="25"/>
      <c r="M48" s="43"/>
      <c r="N48" s="25"/>
    </row>
    <row r="49" spans="3:14" x14ac:dyDescent="0.2">
      <c r="C49" s="25"/>
      <c r="D49" s="25"/>
      <c r="E49" s="25"/>
      <c r="F49" s="25"/>
      <c r="G49" s="25"/>
      <c r="H49" s="25"/>
      <c r="I49" s="25"/>
      <c r="M49" s="43"/>
      <c r="N49" s="25"/>
    </row>
    <row r="50" spans="3:14" x14ac:dyDescent="0.2">
      <c r="C50" s="25"/>
      <c r="D50" s="25"/>
      <c r="E50" s="25"/>
      <c r="F50" s="25"/>
      <c r="G50" s="25"/>
      <c r="H50" s="25"/>
      <c r="I50" s="25"/>
      <c r="M50" s="43"/>
      <c r="N50" s="25"/>
    </row>
    <row r="51" spans="3:14" x14ac:dyDescent="0.2">
      <c r="C51" s="25"/>
      <c r="D51" s="25"/>
      <c r="E51" s="25"/>
      <c r="F51" s="25"/>
      <c r="G51" s="25"/>
      <c r="H51" s="25"/>
      <c r="I51" s="25"/>
      <c r="M51" s="43"/>
      <c r="N51" s="25"/>
    </row>
    <row r="52" spans="3:14" x14ac:dyDescent="0.2">
      <c r="C52" s="25"/>
      <c r="D52" s="25"/>
      <c r="E52" s="25"/>
      <c r="F52" s="25"/>
      <c r="G52" s="25"/>
      <c r="H52" s="25"/>
      <c r="I52" s="25"/>
      <c r="M52" s="43"/>
      <c r="N52" s="25"/>
    </row>
    <row r="53" spans="3:14" x14ac:dyDescent="0.2">
      <c r="C53" s="25"/>
      <c r="D53" s="25"/>
      <c r="E53" s="25"/>
      <c r="F53" s="25"/>
      <c r="G53" s="25"/>
      <c r="H53" s="25"/>
      <c r="I53" s="25"/>
      <c r="M53" s="43"/>
      <c r="N53" s="25"/>
    </row>
    <row r="54" spans="3:14" x14ac:dyDescent="0.2">
      <c r="C54" s="25"/>
      <c r="D54" s="25"/>
      <c r="E54" s="25"/>
      <c r="F54" s="25"/>
      <c r="G54" s="25"/>
      <c r="H54" s="25"/>
      <c r="I54" s="25"/>
      <c r="M54" s="43"/>
      <c r="N54" s="25"/>
    </row>
    <row r="55" spans="3:14" x14ac:dyDescent="0.2">
      <c r="C55" s="25"/>
      <c r="D55" s="25"/>
      <c r="E55" s="25"/>
      <c r="F55" s="25"/>
      <c r="G55" s="25"/>
      <c r="H55" s="25"/>
      <c r="I55" s="25"/>
      <c r="M55" s="43"/>
      <c r="N55" s="25"/>
    </row>
    <row r="56" spans="3:14" x14ac:dyDescent="0.2">
      <c r="C56" s="25"/>
      <c r="D56" s="25"/>
      <c r="E56" s="25"/>
      <c r="F56" s="25"/>
      <c r="G56" s="25"/>
      <c r="H56" s="25"/>
      <c r="I56" s="25"/>
      <c r="M56" s="43"/>
      <c r="N56" s="25"/>
    </row>
    <row r="57" spans="3:14" x14ac:dyDescent="0.2">
      <c r="C57" s="25"/>
      <c r="D57" s="25"/>
      <c r="E57" s="25"/>
      <c r="F57" s="25"/>
      <c r="G57" s="25"/>
      <c r="H57" s="25"/>
      <c r="I57" s="25"/>
      <c r="M57" s="43"/>
      <c r="N57" s="25"/>
    </row>
    <row r="58" spans="3:14" x14ac:dyDescent="0.2">
      <c r="C58" s="25"/>
      <c r="D58" s="25"/>
      <c r="E58" s="25"/>
      <c r="F58" s="25"/>
      <c r="G58" s="25"/>
      <c r="H58" s="25"/>
      <c r="I58" s="25"/>
      <c r="M58" s="43"/>
      <c r="N58" s="25"/>
    </row>
    <row r="59" spans="3:14" x14ac:dyDescent="0.2">
      <c r="C59" s="25"/>
      <c r="D59" s="25"/>
      <c r="E59" s="25"/>
      <c r="F59" s="25"/>
      <c r="G59" s="25"/>
      <c r="H59" s="25"/>
      <c r="I59" s="25"/>
      <c r="M59" s="43"/>
      <c r="N59" s="25"/>
    </row>
    <row r="60" spans="3:14" x14ac:dyDescent="0.2">
      <c r="C60" s="25"/>
      <c r="D60" s="25"/>
      <c r="E60" s="25"/>
      <c r="F60" s="25"/>
      <c r="G60" s="25"/>
      <c r="H60" s="25"/>
      <c r="I60" s="25"/>
      <c r="M60" s="43"/>
      <c r="N60" s="25"/>
    </row>
    <row r="61" spans="3:14" x14ac:dyDescent="0.2">
      <c r="C61" s="25"/>
      <c r="D61" s="25"/>
      <c r="E61" s="25"/>
      <c r="F61" s="25"/>
      <c r="G61" s="25"/>
      <c r="H61" s="25"/>
      <c r="I61" s="25"/>
      <c r="M61" s="43"/>
      <c r="N61" s="25"/>
    </row>
    <row r="62" spans="3:14" x14ac:dyDescent="0.2">
      <c r="C62" s="25"/>
      <c r="D62" s="25"/>
      <c r="E62" s="25"/>
      <c r="F62" s="25"/>
      <c r="G62" s="25"/>
      <c r="H62" s="25"/>
      <c r="I62" s="25"/>
      <c r="M62" s="43"/>
      <c r="N62" s="25"/>
    </row>
    <row r="63" spans="3:14" x14ac:dyDescent="0.2">
      <c r="C63" s="25"/>
      <c r="D63" s="25"/>
      <c r="E63" s="25"/>
      <c r="F63" s="25"/>
      <c r="G63" s="25"/>
      <c r="H63" s="25"/>
      <c r="I63" s="25"/>
      <c r="M63" s="43"/>
      <c r="N63" s="25"/>
    </row>
    <row r="64" spans="3:14" x14ac:dyDescent="0.2">
      <c r="C64" s="25"/>
      <c r="D64" s="25"/>
      <c r="E64" s="25"/>
      <c r="F64" s="25"/>
      <c r="G64" s="25"/>
      <c r="H64" s="25"/>
      <c r="I64" s="25"/>
      <c r="M64" s="43"/>
      <c r="N64" s="25"/>
    </row>
    <row r="65" spans="3:14" x14ac:dyDescent="0.2">
      <c r="C65" s="25"/>
      <c r="D65" s="25"/>
      <c r="E65" s="25"/>
      <c r="F65" s="25"/>
      <c r="G65" s="25"/>
      <c r="H65" s="25"/>
      <c r="I65" s="25"/>
      <c r="M65" s="43"/>
      <c r="N65" s="25"/>
    </row>
    <row r="66" spans="3:14" x14ac:dyDescent="0.2">
      <c r="C66" s="25"/>
      <c r="D66" s="25"/>
      <c r="E66" s="25"/>
      <c r="F66" s="25"/>
      <c r="G66" s="25"/>
      <c r="H66" s="25"/>
      <c r="I66" s="25"/>
      <c r="M66" s="43"/>
      <c r="N66" s="25"/>
    </row>
    <row r="67" spans="3:14" x14ac:dyDescent="0.2">
      <c r="C67" s="25"/>
      <c r="D67" s="25"/>
      <c r="E67" s="25"/>
      <c r="F67" s="25"/>
      <c r="G67" s="25"/>
      <c r="H67" s="25"/>
      <c r="I67" s="25"/>
      <c r="M67" s="43"/>
      <c r="N67" s="25"/>
    </row>
    <row r="68" spans="3:14" x14ac:dyDescent="0.2">
      <c r="C68" s="25"/>
      <c r="D68" s="25"/>
      <c r="E68" s="25"/>
      <c r="F68" s="25"/>
      <c r="G68" s="25"/>
      <c r="H68" s="25"/>
      <c r="I68" s="25"/>
      <c r="M68" s="43"/>
      <c r="N68" s="25"/>
    </row>
    <row r="69" spans="3:14" x14ac:dyDescent="0.2">
      <c r="C69" s="25"/>
      <c r="D69" s="25"/>
      <c r="E69" s="25"/>
      <c r="F69" s="25"/>
      <c r="G69" s="25"/>
      <c r="H69" s="25"/>
      <c r="I69" s="25"/>
      <c r="M69" s="43"/>
      <c r="N69" s="25"/>
    </row>
    <row r="70" spans="3:14" x14ac:dyDescent="0.2">
      <c r="C70" s="25"/>
      <c r="D70" s="25"/>
      <c r="E70" s="25"/>
      <c r="F70" s="25"/>
      <c r="G70" s="25"/>
      <c r="H70" s="25"/>
      <c r="I70" s="25"/>
      <c r="M70" s="43"/>
      <c r="N70" s="25"/>
    </row>
    <row r="71" spans="3:14" x14ac:dyDescent="0.2">
      <c r="C71" s="25"/>
      <c r="D71" s="25"/>
      <c r="E71" s="25"/>
      <c r="F71" s="25"/>
      <c r="G71" s="25"/>
      <c r="H71" s="25"/>
      <c r="I71" s="25"/>
      <c r="M71" s="43"/>
      <c r="N71" s="25"/>
    </row>
    <row r="72" spans="3:14" x14ac:dyDescent="0.2">
      <c r="C72" s="25"/>
      <c r="D72" s="25"/>
      <c r="E72" s="25"/>
      <c r="F72" s="25"/>
      <c r="G72" s="25"/>
      <c r="H72" s="25"/>
      <c r="I72" s="25"/>
      <c r="M72" s="43"/>
      <c r="N72" s="25"/>
    </row>
    <row r="73" spans="3:14" x14ac:dyDescent="0.2">
      <c r="C73" s="25"/>
      <c r="D73" s="25"/>
      <c r="E73" s="25"/>
      <c r="F73" s="25"/>
      <c r="G73" s="25"/>
      <c r="H73" s="25"/>
      <c r="I73" s="25"/>
      <c r="M73" s="43"/>
      <c r="N73" s="25"/>
    </row>
    <row r="74" spans="3:14" x14ac:dyDescent="0.2">
      <c r="C74" s="25"/>
      <c r="D74" s="25"/>
      <c r="E74" s="25"/>
      <c r="F74" s="25"/>
      <c r="G74" s="25"/>
      <c r="H74" s="25"/>
      <c r="I74" s="25"/>
      <c r="M74" s="43"/>
      <c r="N74" s="25"/>
    </row>
    <row r="75" spans="3:14" x14ac:dyDescent="0.2">
      <c r="C75" s="25"/>
      <c r="D75" s="25"/>
      <c r="E75" s="25"/>
      <c r="F75" s="25"/>
      <c r="G75" s="25"/>
      <c r="H75" s="25"/>
      <c r="I75" s="25"/>
      <c r="M75" s="43"/>
      <c r="N75" s="25"/>
    </row>
    <row r="76" spans="3:14" x14ac:dyDescent="0.2">
      <c r="C76" s="25"/>
      <c r="D76" s="25"/>
      <c r="E76" s="25"/>
      <c r="F76" s="25"/>
      <c r="G76" s="25"/>
      <c r="H76" s="25"/>
      <c r="I76" s="25"/>
      <c r="M76" s="43"/>
      <c r="N76" s="25"/>
    </row>
    <row r="77" spans="3:14" x14ac:dyDescent="0.2">
      <c r="C77" s="25"/>
      <c r="D77" s="25"/>
      <c r="E77" s="25"/>
      <c r="F77" s="25"/>
      <c r="G77" s="25"/>
      <c r="H77" s="25"/>
      <c r="I77" s="25"/>
      <c r="M77" s="43"/>
      <c r="N77" s="25"/>
    </row>
    <row r="78" spans="3:14" x14ac:dyDescent="0.2">
      <c r="C78" s="25"/>
      <c r="D78" s="25"/>
      <c r="E78" s="25"/>
      <c r="F78" s="25"/>
      <c r="G78" s="25"/>
      <c r="H78" s="25"/>
      <c r="I78" s="25"/>
      <c r="M78" s="43"/>
      <c r="N78" s="25"/>
    </row>
    <row r="79" spans="3:14" x14ac:dyDescent="0.2">
      <c r="C79" s="25"/>
      <c r="D79" s="25"/>
      <c r="E79" s="25"/>
      <c r="F79" s="25"/>
      <c r="G79" s="25"/>
      <c r="H79" s="25"/>
      <c r="I79" s="25"/>
      <c r="M79" s="43"/>
      <c r="N79" s="25"/>
    </row>
    <row r="80" spans="3:14" x14ac:dyDescent="0.2">
      <c r="C80" s="25"/>
      <c r="D80" s="25"/>
      <c r="E80" s="25"/>
      <c r="F80" s="25"/>
      <c r="G80" s="25"/>
      <c r="H80" s="25"/>
      <c r="I80" s="25"/>
      <c r="M80" s="43"/>
      <c r="N80" s="25"/>
    </row>
    <row r="81" spans="3:14" x14ac:dyDescent="0.2">
      <c r="C81" s="25"/>
      <c r="D81" s="25"/>
      <c r="E81" s="25"/>
      <c r="F81" s="25"/>
      <c r="G81" s="25"/>
      <c r="H81" s="25"/>
      <c r="I81" s="25"/>
      <c r="M81" s="43"/>
      <c r="N81" s="25"/>
    </row>
    <row r="82" spans="3:14" x14ac:dyDescent="0.2">
      <c r="C82" s="25"/>
      <c r="D82" s="25"/>
      <c r="E82" s="25"/>
      <c r="F82" s="25"/>
      <c r="G82" s="25"/>
      <c r="H82" s="25"/>
      <c r="I82" s="25"/>
      <c r="M82" s="43"/>
      <c r="N82" s="25"/>
    </row>
    <row r="83" spans="3:14" x14ac:dyDescent="0.2">
      <c r="C83" s="25"/>
      <c r="D83" s="25"/>
      <c r="E83" s="25"/>
      <c r="F83" s="25"/>
      <c r="G83" s="25"/>
      <c r="H83" s="25"/>
      <c r="I83" s="25"/>
      <c r="M83" s="43"/>
      <c r="N83" s="25"/>
    </row>
    <row r="84" spans="3:14" x14ac:dyDescent="0.2">
      <c r="C84" s="25"/>
      <c r="D84" s="25"/>
      <c r="E84" s="25"/>
      <c r="F84" s="25"/>
      <c r="G84" s="25"/>
      <c r="H84" s="25"/>
      <c r="I84" s="25"/>
      <c r="M84" s="43"/>
      <c r="N84" s="25"/>
    </row>
    <row r="85" spans="3:14" x14ac:dyDescent="0.2">
      <c r="C85" s="25"/>
      <c r="D85" s="25"/>
      <c r="E85" s="25"/>
      <c r="F85" s="25"/>
      <c r="G85" s="25"/>
      <c r="H85" s="25"/>
      <c r="I85" s="25"/>
      <c r="M85" s="43"/>
      <c r="N85" s="25"/>
    </row>
    <row r="86" spans="3:14" x14ac:dyDescent="0.2">
      <c r="C86" s="25"/>
      <c r="D86" s="25"/>
      <c r="E86" s="25"/>
      <c r="F86" s="25"/>
      <c r="G86" s="25"/>
      <c r="H86" s="25"/>
      <c r="I86" s="25"/>
      <c r="M86" s="43"/>
      <c r="N86" s="25"/>
    </row>
    <row r="87" spans="3:14" x14ac:dyDescent="0.2">
      <c r="C87" s="25"/>
      <c r="D87" s="25"/>
      <c r="E87" s="25"/>
      <c r="F87" s="25"/>
      <c r="G87" s="25"/>
      <c r="H87" s="25"/>
      <c r="I87" s="25"/>
      <c r="M87" s="43"/>
      <c r="N87" s="25"/>
    </row>
    <row r="88" spans="3:14" x14ac:dyDescent="0.2">
      <c r="C88" s="25"/>
      <c r="D88" s="25"/>
      <c r="E88" s="25"/>
      <c r="F88" s="25"/>
      <c r="G88" s="25"/>
      <c r="H88" s="25"/>
      <c r="I88" s="25"/>
      <c r="M88" s="43"/>
      <c r="N88" s="25"/>
    </row>
    <row r="89" spans="3:14" x14ac:dyDescent="0.2">
      <c r="C89" s="25"/>
      <c r="D89" s="25"/>
      <c r="E89" s="25"/>
      <c r="F89" s="25"/>
      <c r="G89" s="25"/>
      <c r="H89" s="25"/>
      <c r="I89" s="25"/>
      <c r="M89" s="43"/>
      <c r="N89" s="25"/>
    </row>
    <row r="90" spans="3:14" x14ac:dyDescent="0.2">
      <c r="C90" s="25"/>
      <c r="D90" s="25"/>
      <c r="E90" s="25"/>
      <c r="F90" s="25"/>
      <c r="G90" s="25"/>
      <c r="H90" s="25"/>
      <c r="I90" s="25"/>
      <c r="M90" s="43"/>
      <c r="N90" s="25"/>
    </row>
    <row r="91" spans="3:14" x14ac:dyDescent="0.2">
      <c r="C91" s="25"/>
      <c r="D91" s="25"/>
      <c r="E91" s="25"/>
      <c r="F91" s="25"/>
      <c r="G91" s="25"/>
      <c r="H91" s="25"/>
      <c r="I91" s="25"/>
      <c r="M91" s="43"/>
      <c r="N91" s="25"/>
    </row>
    <row r="92" spans="3:14" x14ac:dyDescent="0.2">
      <c r="C92" s="25"/>
      <c r="D92" s="25"/>
      <c r="E92" s="25"/>
      <c r="F92" s="25"/>
      <c r="G92" s="25"/>
      <c r="H92" s="25"/>
      <c r="I92" s="25"/>
      <c r="M92" s="43"/>
      <c r="N92" s="25"/>
    </row>
    <row r="93" spans="3:14" x14ac:dyDescent="0.2">
      <c r="C93" s="25"/>
      <c r="D93" s="25"/>
      <c r="E93" s="25"/>
      <c r="F93" s="25"/>
      <c r="G93" s="25"/>
      <c r="H93" s="25"/>
      <c r="I93" s="25"/>
      <c r="M93" s="43"/>
      <c r="N93" s="25"/>
    </row>
    <row r="94" spans="3:14" x14ac:dyDescent="0.2">
      <c r="C94" s="25"/>
      <c r="D94" s="25"/>
      <c r="E94" s="25"/>
      <c r="F94" s="25"/>
      <c r="G94" s="25"/>
      <c r="H94" s="25"/>
      <c r="I94" s="25"/>
      <c r="M94" s="43"/>
      <c r="N94" s="25"/>
    </row>
    <row r="95" spans="3:14" x14ac:dyDescent="0.2">
      <c r="C95" s="25"/>
      <c r="D95" s="25"/>
      <c r="E95" s="25"/>
      <c r="F95" s="25"/>
      <c r="G95" s="25"/>
      <c r="H95" s="25"/>
      <c r="I95" s="25"/>
      <c r="M95" s="43"/>
      <c r="N95" s="25"/>
    </row>
    <row r="96" spans="3:14" x14ac:dyDescent="0.2">
      <c r="C96" s="25"/>
      <c r="D96" s="25"/>
      <c r="E96" s="25"/>
      <c r="F96" s="25"/>
      <c r="G96" s="25"/>
      <c r="H96" s="25"/>
      <c r="I96" s="25"/>
      <c r="M96" s="43"/>
      <c r="N96" s="25"/>
    </row>
    <row r="97" spans="3:14" x14ac:dyDescent="0.2">
      <c r="C97" s="25"/>
      <c r="D97" s="25"/>
      <c r="E97" s="25"/>
      <c r="F97" s="25"/>
      <c r="G97" s="25"/>
      <c r="H97" s="25"/>
      <c r="I97" s="25"/>
      <c r="M97" s="43"/>
      <c r="N97" s="25"/>
    </row>
    <row r="98" spans="3:14" x14ac:dyDescent="0.2">
      <c r="C98" s="25"/>
      <c r="D98" s="25"/>
      <c r="E98" s="25"/>
      <c r="F98" s="25"/>
      <c r="G98" s="25"/>
      <c r="H98" s="25"/>
      <c r="I98" s="25"/>
      <c r="M98" s="43"/>
      <c r="N98" s="25"/>
    </row>
    <row r="99" spans="3:14" x14ac:dyDescent="0.2">
      <c r="C99" s="25"/>
      <c r="D99" s="25"/>
      <c r="E99" s="25"/>
      <c r="F99" s="25"/>
      <c r="G99" s="25"/>
      <c r="H99" s="25"/>
      <c r="I99" s="25"/>
      <c r="M99" s="43"/>
      <c r="N99" s="25"/>
    </row>
    <row r="100" spans="3:14" x14ac:dyDescent="0.2">
      <c r="C100" s="25"/>
      <c r="D100" s="25"/>
      <c r="E100" s="25"/>
      <c r="F100" s="25"/>
      <c r="G100" s="25"/>
      <c r="H100" s="25"/>
      <c r="I100" s="25"/>
      <c r="M100" s="43"/>
      <c r="N100" s="25"/>
    </row>
    <row r="101" spans="3:14" x14ac:dyDescent="0.2">
      <c r="C101" s="25"/>
      <c r="D101" s="25"/>
      <c r="E101" s="25"/>
      <c r="F101" s="25"/>
      <c r="G101" s="25"/>
      <c r="H101" s="25"/>
      <c r="I101" s="25"/>
      <c r="M101" s="43"/>
      <c r="N101" s="25"/>
    </row>
    <row r="102" spans="3:14" x14ac:dyDescent="0.2">
      <c r="C102" s="25"/>
      <c r="D102" s="25"/>
      <c r="E102" s="25"/>
      <c r="F102" s="25"/>
      <c r="G102" s="25"/>
      <c r="H102" s="25"/>
      <c r="I102" s="25"/>
      <c r="M102" s="43"/>
      <c r="N102" s="25"/>
    </row>
    <row r="103" spans="3:14" x14ac:dyDescent="0.2">
      <c r="C103" s="25"/>
      <c r="D103" s="25"/>
      <c r="E103" s="25"/>
      <c r="F103" s="25"/>
      <c r="G103" s="25"/>
      <c r="H103" s="25"/>
      <c r="I103" s="25"/>
      <c r="M103" s="43"/>
      <c r="N103" s="25"/>
    </row>
    <row r="104" spans="3:14" x14ac:dyDescent="0.2">
      <c r="C104" s="25"/>
      <c r="D104" s="25"/>
      <c r="E104" s="25"/>
      <c r="F104" s="25"/>
      <c r="G104" s="25"/>
      <c r="H104" s="25"/>
      <c r="I104" s="25"/>
      <c r="M104" s="43"/>
      <c r="N104" s="25"/>
    </row>
    <row r="105" spans="3:14" x14ac:dyDescent="0.2">
      <c r="C105" s="25"/>
      <c r="D105" s="25"/>
      <c r="E105" s="25"/>
      <c r="F105" s="25"/>
      <c r="G105" s="25"/>
      <c r="H105" s="25"/>
      <c r="I105" s="25"/>
      <c r="M105" s="43"/>
      <c r="N105" s="25"/>
    </row>
    <row r="106" spans="3:14" x14ac:dyDescent="0.2">
      <c r="C106" s="25"/>
      <c r="D106" s="25"/>
      <c r="E106" s="25"/>
      <c r="F106" s="25"/>
      <c r="G106" s="25"/>
      <c r="H106" s="25"/>
      <c r="I106" s="25"/>
      <c r="M106" s="43"/>
      <c r="N106" s="25"/>
    </row>
    <row r="107" spans="3:14" x14ac:dyDescent="0.2">
      <c r="C107" s="25"/>
      <c r="D107" s="25"/>
      <c r="E107" s="25"/>
      <c r="F107" s="25"/>
      <c r="G107" s="25"/>
      <c r="H107" s="25"/>
      <c r="I107" s="25"/>
      <c r="M107" s="43"/>
      <c r="N107" s="25"/>
    </row>
    <row r="108" spans="3:14" x14ac:dyDescent="0.2">
      <c r="C108" s="25"/>
      <c r="D108" s="25"/>
      <c r="E108" s="25"/>
      <c r="F108" s="25"/>
      <c r="G108" s="25"/>
      <c r="H108" s="25"/>
      <c r="I108" s="25"/>
      <c r="M108" s="43"/>
      <c r="N108" s="25"/>
    </row>
    <row r="109" spans="3:14" x14ac:dyDescent="0.2">
      <c r="C109" s="25"/>
      <c r="D109" s="25"/>
      <c r="E109" s="25"/>
      <c r="F109" s="25"/>
      <c r="G109" s="25"/>
      <c r="H109" s="25"/>
      <c r="I109" s="25"/>
      <c r="M109" s="43"/>
      <c r="N109" s="25"/>
    </row>
    <row r="110" spans="3:14" x14ac:dyDescent="0.2">
      <c r="C110" s="25"/>
      <c r="D110" s="25"/>
      <c r="E110" s="25"/>
      <c r="F110" s="25"/>
      <c r="G110" s="25"/>
      <c r="H110" s="25"/>
      <c r="I110" s="25"/>
      <c r="M110" s="43"/>
      <c r="N110" s="25"/>
    </row>
    <row r="111" spans="3:14" x14ac:dyDescent="0.2">
      <c r="C111" s="25"/>
      <c r="D111" s="25"/>
      <c r="E111" s="25"/>
      <c r="F111" s="25"/>
      <c r="G111" s="25"/>
      <c r="H111" s="25"/>
      <c r="I111" s="25"/>
      <c r="M111" s="43"/>
      <c r="N111" s="25"/>
    </row>
    <row r="112" spans="3:14" x14ac:dyDescent="0.2">
      <c r="C112" s="25"/>
      <c r="D112" s="25"/>
      <c r="E112" s="25"/>
      <c r="F112" s="25"/>
      <c r="G112" s="25"/>
      <c r="H112" s="25"/>
      <c r="I112" s="25"/>
      <c r="M112" s="43"/>
      <c r="N112" s="25"/>
    </row>
    <row r="113" spans="3:14" x14ac:dyDescent="0.2">
      <c r="C113" s="25"/>
      <c r="D113" s="25"/>
      <c r="E113" s="25"/>
      <c r="F113" s="25"/>
      <c r="G113" s="25"/>
      <c r="H113" s="25"/>
      <c r="I113" s="25"/>
      <c r="M113" s="43"/>
      <c r="N113" s="25"/>
    </row>
    <row r="114" spans="3:14" x14ac:dyDescent="0.2">
      <c r="C114" s="25"/>
      <c r="D114" s="25"/>
      <c r="E114" s="25"/>
      <c r="F114" s="25"/>
      <c r="G114" s="25"/>
      <c r="H114" s="25"/>
      <c r="I114" s="25"/>
      <c r="M114" s="43"/>
      <c r="N114" s="25"/>
    </row>
    <row r="115" spans="3:14" x14ac:dyDescent="0.2">
      <c r="C115" s="25"/>
      <c r="D115" s="25"/>
      <c r="E115" s="25"/>
      <c r="F115" s="25"/>
      <c r="G115" s="25"/>
      <c r="H115" s="25"/>
      <c r="I115" s="25"/>
      <c r="M115" s="43"/>
      <c r="N115" s="25"/>
    </row>
    <row r="116" spans="3:14" x14ac:dyDescent="0.2">
      <c r="C116" s="25"/>
      <c r="D116" s="25"/>
      <c r="E116" s="25"/>
      <c r="F116" s="25"/>
      <c r="G116" s="25"/>
      <c r="H116" s="25"/>
      <c r="I116" s="25"/>
      <c r="M116" s="43"/>
      <c r="N116" s="25"/>
    </row>
    <row r="117" spans="3:14" x14ac:dyDescent="0.2">
      <c r="C117" s="25"/>
      <c r="D117" s="25"/>
      <c r="E117" s="25"/>
      <c r="F117" s="25"/>
      <c r="G117" s="25"/>
      <c r="H117" s="25"/>
      <c r="I117" s="25"/>
      <c r="M117" s="43"/>
      <c r="N117" s="25"/>
    </row>
    <row r="118" spans="3:14" x14ac:dyDescent="0.2">
      <c r="C118" s="25"/>
      <c r="D118" s="25"/>
      <c r="E118" s="25"/>
      <c r="F118" s="25"/>
      <c r="G118" s="25"/>
      <c r="H118" s="25"/>
      <c r="I118" s="25"/>
      <c r="M118" s="43"/>
      <c r="N118" s="25"/>
    </row>
    <row r="119" spans="3:14" x14ac:dyDescent="0.2">
      <c r="C119" s="25"/>
      <c r="D119" s="25"/>
      <c r="E119" s="25"/>
      <c r="F119" s="25"/>
      <c r="G119" s="25"/>
      <c r="H119" s="25"/>
      <c r="I119" s="25"/>
      <c r="M119" s="43"/>
      <c r="N119" s="25"/>
    </row>
    <row r="120" spans="3:14" x14ac:dyDescent="0.2">
      <c r="C120" s="25"/>
      <c r="D120" s="25"/>
      <c r="E120" s="25"/>
      <c r="F120" s="25"/>
      <c r="G120" s="25"/>
      <c r="H120" s="25"/>
      <c r="I120" s="25"/>
      <c r="M120" s="43"/>
      <c r="N120" s="25"/>
    </row>
    <row r="121" spans="3:14" x14ac:dyDescent="0.2">
      <c r="C121" s="25"/>
      <c r="D121" s="25"/>
      <c r="E121" s="25"/>
      <c r="F121" s="25"/>
      <c r="G121" s="25"/>
      <c r="H121" s="25"/>
      <c r="I121" s="25"/>
      <c r="M121" s="43"/>
      <c r="N121" s="25"/>
    </row>
    <row r="122" spans="3:14" x14ac:dyDescent="0.2">
      <c r="C122" s="25"/>
      <c r="D122" s="25"/>
      <c r="E122" s="25"/>
      <c r="F122" s="25"/>
      <c r="G122" s="25"/>
      <c r="H122" s="25"/>
      <c r="I122" s="25"/>
      <c r="M122" s="43"/>
      <c r="N122" s="25"/>
    </row>
    <row r="123" spans="3:14" x14ac:dyDescent="0.2">
      <c r="C123" s="25"/>
      <c r="D123" s="25"/>
      <c r="E123" s="25"/>
      <c r="F123" s="25"/>
      <c r="G123" s="25"/>
      <c r="H123" s="25"/>
      <c r="I123" s="25"/>
      <c r="M123" s="43"/>
      <c r="N123" s="25"/>
    </row>
    <row r="124" spans="3:14" x14ac:dyDescent="0.2">
      <c r="C124" s="25"/>
      <c r="D124" s="25"/>
      <c r="E124" s="25"/>
      <c r="F124" s="25"/>
      <c r="G124" s="25"/>
      <c r="H124" s="25"/>
      <c r="I124" s="25"/>
      <c r="M124" s="43"/>
      <c r="N124" s="25"/>
    </row>
  </sheetData>
  <autoFilter ref="B6:L6" xr:uid="{B50DFCEA-9056-4364-B33B-7841E8D195B9}"/>
  <mergeCells count="3">
    <mergeCell ref="B7:N7"/>
    <mergeCell ref="B10:N10"/>
    <mergeCell ref="C1:N5"/>
  </mergeCells>
  <dataValidations count="1">
    <dataValidation type="list" allowBlank="1" showInputMessage="1" showErrorMessage="1" sqref="G8:G9 G11:G28" xr:uid="{996EC977-BEE3-423B-BDA9-2028164622CC}">
      <formula1>"Social, Environment"</formula1>
    </dataValidation>
  </dataValidations>
  <hyperlinks>
    <hyperlink ref="N11" r:id="rId1" display="https://oag.ca.gov/sites/all/files/agweb/pdfs/cybersafety/sb_657_bill_ch556.pdf" xr:uid="{63182031-A38B-48B2-ACB6-F8292AE2D8C7}"/>
    <hyperlink ref="N14" r:id="rId2" display="https://www.congress.gov/bill/111th-congress/house-bill/4173" xr:uid="{58230E19-7728-4382-B041-FA03EEA763C5}"/>
    <hyperlink ref="N15" r:id="rId3" display="https://www.congress.gov/bill/117th-congress/house-bill/6256/text" xr:uid="{67C8BF1D-6C99-4DC1-BE67-CC2B17ABCAC5}"/>
    <hyperlink ref="N16" r:id="rId4" xr:uid="{A3E0A94A-D537-4FD9-9856-6A7FD959A50E}"/>
    <hyperlink ref="N17" r:id="rId5" display="https://www.congress.gov/118/bills/hr4451/BILLS-118hr4451ih.pdf" xr:uid="{1A24BEBD-03C1-4CE0-A359-A257643D9584}"/>
    <hyperlink ref="N12" r:id="rId6" xr:uid="{EC18C75A-FDCE-48EE-B90B-82DFF7A1ACB8}"/>
    <hyperlink ref="N8" r:id="rId7" display="https://laws.justice.gc.ca/eng/acts/F-10.6/" xr:uid="{19FE714B-8691-40B3-A865-E6963AB82512}"/>
    <hyperlink ref="N13" r:id="rId8" display="https://www.nysenate.gov/legislation/bills/2025/S4558/amendment/original" xr:uid="{C7E3F559-58AB-4849-B1D4-D96C8F7419A6}"/>
    <hyperlink ref="N9" r:id="rId9" display="https://budget.canada.ca/update-miseajour/2024/home-accueil-en.html?utm_campaign=fin-fin-update-miseajour-24-25&amp;utm_medium=canadacafeature" xr:uid="{1A4EAF8C-A1F6-420F-8A6B-8DE2BA07A7A2}"/>
  </hyperlinks>
  <pageMargins left="0.7" right="0.7" top="0.75" bottom="0.75" header="0.3" footer="0.3"/>
  <pageSetup scale="52" fitToHeight="0" orientation="landscape" r:id="rId10"/>
  <drawing r:id="rId1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Hg Brand (2)","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d1f2cb5e-90ed-446c-b55a-c8efd3225fcc" xsi:nil="true"/>
    <lcf76f155ced4ddcb4097134ff3c332f xmlns="c040cb64-7f6b-4365-a7f6-c3c6d88ae944">
      <Terms xmlns="http://schemas.microsoft.com/office/infopath/2007/PartnerControls"/>
    </lcf76f155ced4ddcb4097134ff3c332f>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3BD5CBA33F9C0245946CBDE8680B1BE0" ma:contentTypeVersion="17" ma:contentTypeDescription="Create a new document." ma:contentTypeScope="" ma:versionID="5c4c4b900bfd7f4062290b0a63f88353">
  <xsd:schema xmlns:xsd="http://www.w3.org/2001/XMLSchema" xmlns:xs="http://www.w3.org/2001/XMLSchema" xmlns:p="http://schemas.microsoft.com/office/2006/metadata/properties" xmlns:ns2="c040cb64-7f6b-4365-a7f6-c3c6d88ae944" xmlns:ns3="d1f2cb5e-90ed-446c-b55a-c8efd3225fcc" targetNamespace="http://schemas.microsoft.com/office/2006/metadata/properties" ma:root="true" ma:fieldsID="b6d660c35c406973e2d98c8215915d03" ns2:_="" ns3:_="">
    <xsd:import namespace="c040cb64-7f6b-4365-a7f6-c3c6d88ae944"/>
    <xsd:import namespace="d1f2cb5e-90ed-446c-b55a-c8efd3225fcc"/>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2:MediaServiceAutoKeyPoints" minOccurs="0"/>
                <xsd:element ref="ns2:MediaServiceKeyPoints" minOccurs="0"/>
                <xsd:element ref="ns2:MediaLengthInSeconds" minOccurs="0"/>
                <xsd:element ref="ns2:MediaServiceLocation" minOccurs="0"/>
                <xsd:element ref="ns2:lcf76f155ced4ddcb4097134ff3c332f" minOccurs="0"/>
                <xsd:element ref="ns3:TaxCatchAll"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40cb64-7f6b-4365-a7f6-c3c6d88ae94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DateTaken" ma:index="13" nillable="true" ma:displayName="MediaServiceDateTaken" ma:hidden="true" ma:internalName="MediaServiceDateTaken"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LengthInSeconds" ma:index="17" nillable="true" ma:displayName="MediaLengthInSeconds" ma:hidden="true" ma:internalName="MediaLengthInSeconds" ma:readOnly="true">
      <xsd:simpleType>
        <xsd:restriction base="dms:Unknown"/>
      </xsd:simpleType>
    </xsd:element>
    <xsd:element name="MediaServiceLocation" ma:index="18" nillable="true" ma:displayName="Location" ma:internalName="MediaServiceLocation" ma:readOnly="true">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0c3e079f-49a6-4469-a386-52a810ba0905"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2"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1f2cb5e-90ed-446c-b55a-c8efd3225fcc"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3c09748c-ffa1-40e6-81ea-584adcb248df}" ma:internalName="TaxCatchAll" ma:showField="CatchAllData" ma:web="d1f2cb5e-90ed-446c-b55a-c8efd3225fc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roperties xmlns="http://www.imanage.com/work/xmlschema">
  <documentid>LONDON!42694349.1</documentid>
  <senderid>FXM</senderid>
  <senderemail>FLORA.MCALISTER@TRAVERSSMITH.COM</senderemail>
  <lastmodified>2025-09-05T11:48:34.0000000+01:00</lastmodified>
  <database>LONDON</database>
</properties>
</file>

<file path=customXml/itemProps1.xml><?xml version="1.0" encoding="utf-8"?>
<ds:datastoreItem xmlns:ds="http://schemas.openxmlformats.org/officeDocument/2006/customXml" ds:itemID="{99455C9D-453C-45C0-A3D4-491A4C84A383}">
  <ds:schemaRefs/>
</ds:datastoreItem>
</file>

<file path=customXml/itemProps2.xml><?xml version="1.0" encoding="utf-8"?>
<ds:datastoreItem xmlns:ds="http://schemas.openxmlformats.org/officeDocument/2006/customXml" ds:itemID="{20C110A3-9914-4AAD-BCE6-A37A80CB5579}">
  <ds:schemaRefs/>
</ds:datastoreItem>
</file>

<file path=customXml/itemProps3.xml><?xml version="1.0" encoding="utf-8"?>
<ds:datastoreItem xmlns:ds="http://schemas.openxmlformats.org/officeDocument/2006/customXml" ds:itemID="{ECEFB209-417D-4199-9CF8-0A638145F060}">
  <ds:schemaRefs>
    <ds:schemaRef ds:uri="http://schemas.openxmlformats.org/package/2006/metadata/core-properties"/>
    <ds:schemaRef ds:uri="http://schemas.microsoft.com/office/2006/metadata/properties"/>
    <ds:schemaRef ds:uri="http://schemas.microsoft.com/office/2006/documentManagement/types"/>
    <ds:schemaRef ds:uri="http://purl.org/dc/terms/"/>
    <ds:schemaRef ds:uri="http://purl.org/dc/dcmitype/"/>
    <ds:schemaRef ds:uri="http://schemas.microsoft.com/office/infopath/2007/PartnerControls"/>
    <ds:schemaRef ds:uri="http://purl.org/dc/elements/1.1/"/>
    <ds:schemaRef ds:uri="d1f2cb5e-90ed-446c-b55a-c8efd3225fcc"/>
    <ds:schemaRef ds:uri="c040cb64-7f6b-4365-a7f6-c3c6d88ae944"/>
    <ds:schemaRef ds:uri="http://www.w3.org/XML/1998/namespace"/>
  </ds:schemaRefs>
</ds:datastoreItem>
</file>

<file path=customXml/itemProps4.xml><?xml version="1.0" encoding="utf-8"?>
<ds:datastoreItem xmlns:ds="http://schemas.openxmlformats.org/officeDocument/2006/customXml" ds:itemID="{0F10EF77-2158-4B75-A296-19F1B1A1CEF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040cb64-7f6b-4365-a7f6-c3c6d88ae944"/>
    <ds:schemaRef ds:uri="d1f2cb5e-90ed-446c-b55a-c8efd3225fc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01E085F-5BF6-40E8-A1E8-F6FF97A15D06}">
  <ds:schemaRefs>
    <ds:schemaRef ds:uri="http://schemas.microsoft.com/sharepoint/v3/contenttype/forms"/>
  </ds:schemaRefs>
</ds:datastoreItem>
</file>

<file path=customXml/itemProps6.xml><?xml version="1.0" encoding="utf-8"?>
<ds:datastoreItem xmlns:ds="http://schemas.openxmlformats.org/officeDocument/2006/customXml" ds:itemID="{B31BF8C6-57DA-4224-A73E-D956EFE7C70F}">
  <ds:schemaRefs>
    <ds:schemaRef ds:uri="http://www.imanage.com/work/xmlschema"/>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1</vt:i4>
      </vt:variant>
      <vt:variant>
        <vt:lpstr>Named Ranges</vt:lpstr>
      </vt:variant>
      <vt:variant>
        <vt:i4>8</vt:i4>
      </vt:variant>
    </vt:vector>
  </HeadingPairs>
  <TitlesOfParts>
    <vt:vector size="19" baseType="lpstr">
      <vt:lpstr>Scope </vt:lpstr>
      <vt:lpstr>Global</vt:lpstr>
      <vt:lpstr>Africa</vt:lpstr>
      <vt:lpstr>Asia</vt:lpstr>
      <vt:lpstr>Australia &amp; Oceania </vt:lpstr>
      <vt:lpstr>EU</vt:lpstr>
      <vt:lpstr>Europe</vt:lpstr>
      <vt:lpstr>Middle East </vt:lpstr>
      <vt:lpstr>North America </vt:lpstr>
      <vt:lpstr>Latin America </vt:lpstr>
      <vt:lpstr>Back-End</vt:lpstr>
      <vt:lpstr>Africa!Print_Area</vt:lpstr>
      <vt:lpstr>Asia!Print_Area</vt:lpstr>
      <vt:lpstr>'Australia &amp; Oceania '!Print_Area</vt:lpstr>
      <vt:lpstr>Europe!Print_Area</vt:lpstr>
      <vt:lpstr>Global!Print_Area</vt:lpstr>
      <vt:lpstr>'Latin America '!Print_Area</vt:lpstr>
      <vt:lpstr>'Middle East '!Print_Area</vt:lpstr>
      <vt:lpstr>'North America '!Print_Area</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Andrea Siaw</dc:creator>
  <cp:lastModifiedBy>Daram Pandian</cp:lastModifiedBy>
  <cp:lastPrinted>2024-11-06T00:21:28Z</cp:lastPrinted>
  <dcterms:created xsi:type="dcterms:W3CDTF">2023-04-17T23:59:42Z</dcterms:created>
  <dcterms:modified xsi:type="dcterms:W3CDTF">2025-09-05T17:19:3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gbrand</vt:lpwstr>
  </property>
  <property fmtid="{D5CDD505-2E9C-101B-9397-08002B2CF9AE}" pid="3" name="TemplafyTemplateId">
    <vt:lpwstr>638173454185141308</vt:lpwstr>
  </property>
  <property fmtid="{D5CDD505-2E9C-101B-9397-08002B2CF9AE}" pid="4" name="TemplafyUserProfileId">
    <vt:lpwstr>637778806710550209</vt:lpwstr>
  </property>
  <property fmtid="{D5CDD505-2E9C-101B-9397-08002B2CF9AE}" pid="5" name="TemplafyFromBlank">
    <vt:bool>true</vt:bool>
  </property>
  <property fmtid="{D5CDD505-2E9C-101B-9397-08002B2CF9AE}" pid="6" name="MediaServiceImageTags">
    <vt:lpwstr/>
  </property>
  <property fmtid="{D5CDD505-2E9C-101B-9397-08002B2CF9AE}" pid="7" name="ContentTypeId">
    <vt:lpwstr>0x0101003BD5CBA33F9C0245946CBDE8680B1BE0</vt:lpwstr>
  </property>
</Properties>
</file>